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3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4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drawings/drawing5.xml" ContentType="application/vnd.openxmlformats-officedocument.drawing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drawings/drawing6.xml" ContentType="application/vnd.openxmlformats-officedocument.drawing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drawings/drawing7.xml" ContentType="application/vnd.openxmlformats-officedocument.drawing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628"/>
  <workbookPr/>
  <mc:AlternateContent xmlns:mc="http://schemas.openxmlformats.org/markup-compatibility/2006">
    <mc:Choice Requires="x15">
      <x15ac:absPath xmlns:x15ac="http://schemas.microsoft.com/office/spreadsheetml/2010/11/ac" url="C:\Users\s6010011\Downloads\"/>
    </mc:Choice>
  </mc:AlternateContent>
  <xr:revisionPtr revIDLastSave="0" documentId="13_ncr:1_{723B64B2-91EA-402B-9580-0A92268C690F}" xr6:coauthVersionLast="47" xr6:coauthVersionMax="47" xr10:uidLastSave="{00000000-0000-0000-0000-000000000000}"/>
  <bookViews>
    <workbookView xWindow="-98" yWindow="-98" windowWidth="21795" windowHeight="13875" tabRatio="836" xr2:uid="{00000000-000D-0000-FFFF-FFFF00000000}"/>
  </bookViews>
  <sheets>
    <sheet name="まとめ" sheetId="11" r:id="rId1"/>
    <sheet name="貼付例" sheetId="2" r:id="rId2"/>
    <sheet name="貼付１" sheetId="6" r:id="rId3"/>
    <sheet name="貼付２" sheetId="10" r:id="rId4"/>
    <sheet name="貼付３" sheetId="9" r:id="rId5"/>
    <sheet name="貼付４" sheetId="8" r:id="rId6"/>
    <sheet name="貼付５" sheetId="7" r:id="rId7"/>
    <sheet name="家計消費" sheetId="5" r:id="rId8"/>
    <sheet name="人口・居住・総生産" sheetId="3" r:id="rId9"/>
    <sheet name="事業所・施設数" sheetId="4" r:id="rId10"/>
    <sheet name="自由時間・生活時間" sheetId="16" r:id="rId11"/>
    <sheet name="気候" sheetId="1" r:id="rId12"/>
    <sheet name="人口・居住・総生産 (オリジナル)" sheetId="12" r:id="rId13"/>
    <sheet name="事業所・施設数 (オリジナル)" sheetId="14" r:id="rId14"/>
  </sheets>
  <definedNames>
    <definedName name="_xlnm.Print_Area" localSheetId="0">まとめ!$A$1:$H$29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1" i="2" l="1"/>
  <c r="B1" i="10"/>
  <c r="B1" i="9"/>
  <c r="B1" i="8"/>
  <c r="B1" i="7"/>
  <c r="B1" i="6"/>
</calcChain>
</file>

<file path=xl/sharedStrings.xml><?xml version="1.0" encoding="utf-8"?>
<sst xmlns="http://schemas.openxmlformats.org/spreadsheetml/2006/main" count="853" uniqueCount="222">
  <si>
    <t>幸福度(点)</t>
  </si>
  <si>
    <t>総人口</t>
    <rPh sb="0" eb="3">
      <t>ソウジンコウ</t>
    </rPh>
    <phoneticPr fontId="1"/>
  </si>
  <si>
    <t>出生数</t>
    <phoneticPr fontId="1"/>
  </si>
  <si>
    <t>合計特殊出生率</t>
  </si>
  <si>
    <t>一般世帯人員数</t>
  </si>
  <si>
    <t>単独世帯数</t>
  </si>
  <si>
    <t>婚姻件数</t>
  </si>
  <si>
    <t>可住地面積</t>
  </si>
  <si>
    <t>自然公園面積</t>
  </si>
  <si>
    <t>県内総生産額（平成27年基準）</t>
  </si>
  <si>
    <t>事業所数（民営）（建設業）</t>
  </si>
  <si>
    <t>事業所数（民営）（製造業）</t>
  </si>
  <si>
    <t>事業所数（民営）（情報通信業）</t>
  </si>
  <si>
    <t>事業所数（民営）（卸売業、小売業）</t>
  </si>
  <si>
    <t>事業所数（民営）（宿泊業、飲食サービス業）</t>
  </si>
  <si>
    <t>事業所数（民営）（生活関連サービス業、娯楽業）</t>
  </si>
  <si>
    <t>事業所数（民営）（医療、福祉）</t>
  </si>
  <si>
    <t>高等学校数</t>
  </si>
  <si>
    <t>大学数</t>
  </si>
  <si>
    <t>図書館数</t>
  </si>
  <si>
    <t>社会体育施設数</t>
  </si>
  <si>
    <t>民間体育施設数</t>
  </si>
  <si>
    <t>映画館数</t>
  </si>
  <si>
    <t>持ち家数</t>
  </si>
  <si>
    <t>小売店数</t>
  </si>
  <si>
    <t>飲食店数</t>
  </si>
  <si>
    <t>一般病院数</t>
  </si>
  <si>
    <t>牛肉</t>
  </si>
  <si>
    <t>うなぎのかば焼き</t>
  </si>
  <si>
    <t>平均気温</t>
  </si>
  <si>
    <t>北海道</t>
  </si>
  <si>
    <t>青森県</t>
  </si>
  <si>
    <t>岩手県</t>
  </si>
  <si>
    <t>宮城県</t>
  </si>
  <si>
    <t>秋田県</t>
  </si>
  <si>
    <t>山形県</t>
  </si>
  <si>
    <t>福島県</t>
  </si>
  <si>
    <t>茨城県</t>
  </si>
  <si>
    <t>栃木県</t>
  </si>
  <si>
    <t>群馬県</t>
  </si>
  <si>
    <t>埼玉県</t>
  </si>
  <si>
    <t>千葉県</t>
  </si>
  <si>
    <t>東京都</t>
  </si>
  <si>
    <t>神奈川県</t>
  </si>
  <si>
    <t>新潟県</t>
  </si>
  <si>
    <t>富山県</t>
  </si>
  <si>
    <t>石川県</t>
  </si>
  <si>
    <t>福井県</t>
  </si>
  <si>
    <t>山梨県</t>
  </si>
  <si>
    <t>長野県</t>
  </si>
  <si>
    <t>岐阜県</t>
  </si>
  <si>
    <t>静岡県</t>
  </si>
  <si>
    <t>愛知県</t>
  </si>
  <si>
    <t>三重県</t>
  </si>
  <si>
    <t>滋賀県</t>
  </si>
  <si>
    <t>京都府</t>
  </si>
  <si>
    <t>大阪府</t>
  </si>
  <si>
    <t>兵庫県</t>
  </si>
  <si>
    <t>奈良県</t>
  </si>
  <si>
    <t>和歌山県</t>
  </si>
  <si>
    <t>鳥取県</t>
  </si>
  <si>
    <t>島根県</t>
  </si>
  <si>
    <t>岡山県</t>
  </si>
  <si>
    <t>広島県</t>
  </si>
  <si>
    <t>山口県</t>
  </si>
  <si>
    <t>徳島県</t>
  </si>
  <si>
    <t>香川県</t>
  </si>
  <si>
    <t>愛媛県</t>
  </si>
  <si>
    <t>高知県</t>
  </si>
  <si>
    <t>福岡県</t>
  </si>
  <si>
    <t>佐賀県</t>
  </si>
  <si>
    <t>長崎県</t>
  </si>
  <si>
    <t>熊本県</t>
  </si>
  <si>
    <t>大分県</t>
  </si>
  <si>
    <t>宮崎県</t>
  </si>
  <si>
    <t>鹿児島県</t>
  </si>
  <si>
    <t>沖縄県</t>
  </si>
  <si>
    <t>日最高気温25℃以上の日数</t>
  </si>
  <si>
    <t>日最高気温30℃以上の日数</t>
  </si>
  <si>
    <t>日最低気温0℃未満の日数</t>
  </si>
  <si>
    <t>日照率40%以上の日数</t>
  </si>
  <si>
    <t>雪日数</t>
  </si>
  <si>
    <t>降雪量の合計</t>
  </si>
  <si>
    <t>緯度</t>
  </si>
  <si>
    <t>経度</t>
  </si>
  <si>
    <t>標高</t>
  </si>
  <si>
    <t>小学校数</t>
  </si>
  <si>
    <t>中学校数</t>
  </si>
  <si>
    <t>事業所数（民営）</t>
  </si>
  <si>
    <t>相関係数</t>
    <rPh sb="0" eb="4">
      <t>ソウカンケイスウ</t>
    </rPh>
    <phoneticPr fontId="1"/>
  </si>
  <si>
    <t>ここに貼付</t>
    <rPh sb="3" eb="4">
      <t>ハ</t>
    </rPh>
    <rPh sb="4" eb="5">
      <t>ツ</t>
    </rPh>
    <phoneticPr fontId="1"/>
  </si>
  <si>
    <t>幸福度と相関が強いと思われる項目列を，他のシートからコピーし，
J列（水色列）に貼り付けよう。</t>
    <rPh sb="0" eb="3">
      <t>コウフクド</t>
    </rPh>
    <rPh sb="4" eb="6">
      <t>ソウカン</t>
    </rPh>
    <rPh sb="7" eb="8">
      <t>ツヨ</t>
    </rPh>
    <rPh sb="10" eb="11">
      <t>オモ</t>
    </rPh>
    <rPh sb="14" eb="16">
      <t>コウモク</t>
    </rPh>
    <rPh sb="16" eb="17">
      <t>レツ</t>
    </rPh>
    <rPh sb="19" eb="20">
      <t>タ</t>
    </rPh>
    <rPh sb="33" eb="34">
      <t>レツ</t>
    </rPh>
    <rPh sb="35" eb="37">
      <t>ミズイロ</t>
    </rPh>
    <rPh sb="37" eb="38">
      <t>レツ</t>
    </rPh>
    <rPh sb="40" eb="41">
      <t>ハ</t>
    </rPh>
    <rPh sb="42" eb="43">
      <t>ツ</t>
    </rPh>
    <phoneticPr fontId="1"/>
  </si>
  <si>
    <t>項目</t>
    <rPh sb="0" eb="2">
      <t>コウモク</t>
    </rPh>
    <phoneticPr fontId="1"/>
  </si>
  <si>
    <t>(例)牛肉</t>
    <rPh sb="1" eb="2">
      <t>レイ</t>
    </rPh>
    <rPh sb="3" eb="5">
      <t>ギュウニク</t>
    </rPh>
    <phoneticPr fontId="1"/>
  </si>
  <si>
    <t>提案者</t>
    <rPh sb="0" eb="3">
      <t>テイアンシャ</t>
    </rPh>
    <phoneticPr fontId="1"/>
  </si>
  <si>
    <t>自分</t>
  </si>
  <si>
    <t>ＡＩ</t>
  </si>
  <si>
    <t>幸福度を上げる要因の分析</t>
    <rPh sb="0" eb="3">
      <t>コウフクド</t>
    </rPh>
    <rPh sb="4" eb="5">
      <t>ア</t>
    </rPh>
    <rPh sb="7" eb="9">
      <t>ヨウイン</t>
    </rPh>
    <rPh sb="10" eb="12">
      <t>ブンセキ</t>
    </rPh>
    <phoneticPr fontId="1"/>
  </si>
  <si>
    <t>世帯人員</t>
    <rPh sb="0" eb="4">
      <t>セタイジンイン</t>
    </rPh>
    <phoneticPr fontId="1"/>
  </si>
  <si>
    <t>出典：SSDSE-C</t>
    <rPh sb="0" eb="2">
      <t>シュッテン</t>
    </rPh>
    <phoneticPr fontId="1"/>
  </si>
  <si>
    <t>項目：二人以上の世帯の１世帯当たり、品目別（食料）年間支出金額</t>
    <rPh sb="0" eb="2">
      <t>コウモク</t>
    </rPh>
    <phoneticPr fontId="1"/>
  </si>
  <si>
    <t>単位：円（世帯人員のみ「人」）</t>
    <rPh sb="0" eb="2">
      <t>タンイ</t>
    </rPh>
    <rPh sb="3" eb="4">
      <t>エン</t>
    </rPh>
    <phoneticPr fontId="1"/>
  </si>
  <si>
    <t>カップ麺</t>
    <rPh sb="3" eb="4">
      <t>メン</t>
    </rPh>
    <phoneticPr fontId="1"/>
  </si>
  <si>
    <t>メロン</t>
    <phoneticPr fontId="1"/>
  </si>
  <si>
    <t>米</t>
    <rPh sb="0" eb="1">
      <t>コメ</t>
    </rPh>
    <phoneticPr fontId="1"/>
  </si>
  <si>
    <t>食パン</t>
    <rPh sb="0" eb="1">
      <t>ショク</t>
    </rPh>
    <phoneticPr fontId="1"/>
  </si>
  <si>
    <t>納豆</t>
    <rPh sb="0" eb="2">
      <t>ナットウ</t>
    </rPh>
    <phoneticPr fontId="1"/>
  </si>
  <si>
    <t>ケーキ</t>
    <phoneticPr fontId="1"/>
  </si>
  <si>
    <t>すし（外食）</t>
    <rPh sb="3" eb="5">
      <t>ガイショク</t>
    </rPh>
    <phoneticPr fontId="1"/>
  </si>
  <si>
    <t>外食</t>
    <rPh sb="0" eb="2">
      <t>ガイショク</t>
    </rPh>
    <phoneticPr fontId="1"/>
  </si>
  <si>
    <t>15歳未満人口</t>
  </si>
  <si>
    <t>15～64歳人口</t>
  </si>
  <si>
    <t>65歳以上人口</t>
  </si>
  <si>
    <t>死亡数</t>
    <rPh sb="0" eb="3">
      <t>シボウスウ</t>
    </rPh>
    <phoneticPr fontId="1"/>
  </si>
  <si>
    <t>離婚件数</t>
    <rPh sb="0" eb="4">
      <t>リコンケンスウ</t>
    </rPh>
    <phoneticPr fontId="1"/>
  </si>
  <si>
    <t>出典：SSDSE-E</t>
    <rPh sb="0" eb="2">
      <t>シュッテン</t>
    </rPh>
    <phoneticPr fontId="1"/>
  </si>
  <si>
    <t>項目：人口・世帯数・結婚離婚組数・面積・金額</t>
    <rPh sb="0" eb="2">
      <t>コウモク</t>
    </rPh>
    <rPh sb="3" eb="5">
      <t>ジンコウ</t>
    </rPh>
    <rPh sb="6" eb="9">
      <t>セタイスウ</t>
    </rPh>
    <rPh sb="10" eb="14">
      <t>ケッコンリコン</t>
    </rPh>
    <rPh sb="14" eb="16">
      <t>クミスウ</t>
    </rPh>
    <rPh sb="17" eb="19">
      <t>メンセキ</t>
    </rPh>
    <rPh sb="20" eb="22">
      <t>キンガク</t>
    </rPh>
    <phoneticPr fontId="1"/>
  </si>
  <si>
    <t>単位：人・世帯・組・ha・百万円（一人当たり所得のみ千円）</t>
    <rPh sb="0" eb="2">
      <t>タンイ</t>
    </rPh>
    <rPh sb="3" eb="4">
      <t>ヒト</t>
    </rPh>
    <rPh sb="5" eb="7">
      <t>セタイ</t>
    </rPh>
    <rPh sb="8" eb="9">
      <t>クミ</t>
    </rPh>
    <rPh sb="13" eb="15">
      <t>ヒャクマン</t>
    </rPh>
    <rPh sb="15" eb="16">
      <t>エン</t>
    </rPh>
    <rPh sb="17" eb="20">
      <t>ヒトリア</t>
    </rPh>
    <rPh sb="22" eb="24">
      <t>ショトク</t>
    </rPh>
    <rPh sb="26" eb="28">
      <t>センエン</t>
    </rPh>
    <phoneticPr fontId="1"/>
  </si>
  <si>
    <t>項目：施設数</t>
    <rPh sb="0" eb="2">
      <t>コウモク</t>
    </rPh>
    <rPh sb="3" eb="6">
      <t>シセツスウ</t>
    </rPh>
    <phoneticPr fontId="1"/>
  </si>
  <si>
    <t>単位：事象所・校・館等</t>
    <rPh sb="0" eb="2">
      <t>タンイ</t>
    </rPh>
    <rPh sb="3" eb="6">
      <t>ジショウショ</t>
    </rPh>
    <rPh sb="7" eb="8">
      <t>コウ</t>
    </rPh>
    <rPh sb="9" eb="10">
      <t>カン</t>
    </rPh>
    <rPh sb="10" eb="11">
      <t>ナド</t>
    </rPh>
    <phoneticPr fontId="1"/>
  </si>
  <si>
    <t>出典：SSDSE-F</t>
    <rPh sb="0" eb="2">
      <t>シュッテン</t>
    </rPh>
    <phoneticPr fontId="1"/>
  </si>
  <si>
    <t>項目：気象庁「地上気象観測統計」データ</t>
    <rPh sb="0" eb="2">
      <t>コウモク</t>
    </rPh>
    <rPh sb="3" eb="6">
      <t>キショウチョウ</t>
    </rPh>
    <rPh sb="7" eb="9">
      <t>チジョウ</t>
    </rPh>
    <rPh sb="9" eb="11">
      <t>キショウ</t>
    </rPh>
    <rPh sb="11" eb="13">
      <t>カンソク</t>
    </rPh>
    <rPh sb="13" eb="15">
      <t>トウケイ</t>
    </rPh>
    <phoneticPr fontId="1"/>
  </si>
  <si>
    <t>単位：度・日・mm（降雨）・cm（降雪）等</t>
    <rPh sb="0" eb="2">
      <t>タンイ</t>
    </rPh>
    <rPh sb="3" eb="4">
      <t>ド</t>
    </rPh>
    <rPh sb="5" eb="6">
      <t>ニチ</t>
    </rPh>
    <rPh sb="10" eb="12">
      <t>コウウ</t>
    </rPh>
    <rPh sb="17" eb="19">
      <t>コウセツ</t>
    </rPh>
    <rPh sb="20" eb="21">
      <t>トウ</t>
    </rPh>
    <phoneticPr fontId="1"/>
  </si>
  <si>
    <t>https://www.nstac.go.jp/use/literacy/ssdse/?doing_wp_cron=1755497202.7390279769897460937500#SSDSE-F</t>
    <phoneticPr fontId="1"/>
  </si>
  <si>
    <t>https://www.nstac.go.jp/use/literacy/ssdse/?doing_wp_cron=1755497202.7390279769897460937500#SSDSE-C</t>
    <phoneticPr fontId="1"/>
  </si>
  <si>
    <t>https://www.nstac.go.jp/use/literacy/ssdse/?doing_wp_cron=1755497202.7390279769897460937500#SSDSE-E</t>
    <phoneticPr fontId="1"/>
  </si>
  <si>
    <t>1人当県民所得</t>
    <phoneticPr fontId="1"/>
  </si>
  <si>
    <t>１万人当たりに調整</t>
    <rPh sb="1" eb="3">
      <t>マンニン</t>
    </rPh>
    <rPh sb="3" eb="4">
      <t>ア</t>
    </rPh>
    <rPh sb="7" eb="9">
      <t>チョウセイ</t>
    </rPh>
    <phoneticPr fontId="1"/>
  </si>
  <si>
    <t>幼稚園数</t>
    <phoneticPr fontId="1"/>
  </si>
  <si>
    <t>出典：SSDSE-D</t>
    <rPh sb="0" eb="2">
      <t>シュッテン</t>
    </rPh>
    <phoneticPr fontId="1"/>
  </si>
  <si>
    <t>https://www.nstac.go.jp/use/literacy/ssdse/?doing_wp_cron=1755497202.7390279769897460937500#SSDSE-D</t>
    <phoneticPr fontId="1"/>
  </si>
  <si>
    <t>単位：%・分・時刻</t>
    <rPh sb="0" eb="2">
      <t>タンイ</t>
    </rPh>
    <rPh sb="5" eb="6">
      <t>フン</t>
    </rPh>
    <rPh sb="7" eb="9">
      <t>ジコク</t>
    </rPh>
    <phoneticPr fontId="1"/>
  </si>
  <si>
    <t>項目：行動者率（過去１年間に活動をしたことのある人の割合）・週全体の平均時間・平均時刻</t>
    <rPh sb="0" eb="2">
      <t>コウモク</t>
    </rPh>
    <rPh sb="3" eb="5">
      <t>コウドウ</t>
    </rPh>
    <rPh sb="5" eb="6">
      <t>シャ</t>
    </rPh>
    <rPh sb="6" eb="7">
      <t>リツ</t>
    </rPh>
    <rPh sb="8" eb="10">
      <t>カコ</t>
    </rPh>
    <rPh sb="11" eb="13">
      <t>ネンカン</t>
    </rPh>
    <rPh sb="14" eb="16">
      <t>カツドウ</t>
    </rPh>
    <rPh sb="24" eb="25">
      <t>ヒト</t>
    </rPh>
    <rPh sb="26" eb="28">
      <t>ワリアイ</t>
    </rPh>
    <rPh sb="30" eb="31">
      <t>シュウ</t>
    </rPh>
    <rPh sb="31" eb="33">
      <t>ゼンタイ</t>
    </rPh>
    <rPh sb="34" eb="36">
      <t>ヘイキン</t>
    </rPh>
    <rPh sb="36" eb="38">
      <t>ジカン</t>
    </rPh>
    <rPh sb="39" eb="41">
      <t>ヘイキン</t>
    </rPh>
    <rPh sb="41" eb="43">
      <t>ジコク</t>
    </rPh>
    <phoneticPr fontId="1"/>
  </si>
  <si>
    <t>つり</t>
  </si>
  <si>
    <t>スキー・スノーボード</t>
  </si>
  <si>
    <t>登山・ハイキング</t>
  </si>
  <si>
    <t>サイクリング</t>
  </si>
  <si>
    <t>ジョギング・マラソン</t>
  </si>
  <si>
    <t>ウォーキング・軽い体操</t>
  </si>
  <si>
    <t>ヨガ</t>
  </si>
  <si>
    <t>スポーツ観覧・観戦(テレビ・スマートフォン・パソコンなどは除く)</t>
  </si>
  <si>
    <t>美術鑑賞(テレビ・スマートフォン・パソコンなどは除く)</t>
  </si>
  <si>
    <t>演芸・演劇・舞踊鑑賞(テレビ・スマートフォン・パソコンなどは除く)</t>
  </si>
  <si>
    <t>映画館での映画鑑賞</t>
  </si>
  <si>
    <t>コンサートなどによるクラシック音楽鑑賞</t>
  </si>
  <si>
    <t>コンサートなどによるポピュラー音楽・歌謡曲鑑賞</t>
  </si>
  <si>
    <t>ＣＤ・スマートフォンなどによる音楽鑑賞</t>
  </si>
  <si>
    <t>楽器の演奏</t>
  </si>
  <si>
    <t>カラオケ</t>
  </si>
  <si>
    <t>和裁・洋裁</t>
  </si>
  <si>
    <t>編み物・手芸</t>
  </si>
  <si>
    <t>趣味としての料理・菓子作り</t>
  </si>
  <si>
    <t>園芸・庭いじり・ガーデニング</t>
  </si>
  <si>
    <t>日曜大工</t>
  </si>
  <si>
    <t>絵画・彫刻の制作</t>
  </si>
  <si>
    <t>陶芸・工芸</t>
  </si>
  <si>
    <t>マンガを読む</t>
  </si>
  <si>
    <t>パチンコ</t>
  </si>
  <si>
    <t>スマートフォン・家庭用ゲーム機などによるゲーム</t>
  </si>
  <si>
    <t>遊園地、動植物園、水族館などの見物</t>
  </si>
  <si>
    <t>キャンプ</t>
  </si>
  <si>
    <t>ボランティア活動の総数</t>
  </si>
  <si>
    <t>旅行・行楽の総数</t>
  </si>
  <si>
    <t>行楽(日帰り)</t>
  </si>
  <si>
    <t>旅行(１泊２日以上)</t>
  </si>
  <si>
    <t>国内</t>
  </si>
  <si>
    <t>観光旅行</t>
  </si>
  <si>
    <t>帰省・訪問などの旅行</t>
  </si>
  <si>
    <t>海外（観光旅行）</t>
  </si>
  <si>
    <t>睡眠</t>
  </si>
  <si>
    <t>通勤・通学</t>
  </si>
  <si>
    <t>仕事</t>
  </si>
  <si>
    <t>学業</t>
  </si>
  <si>
    <t>家事</t>
  </si>
  <si>
    <t>介護・看護</t>
  </si>
  <si>
    <t>育児</t>
  </si>
  <si>
    <t>テレビ・ラジオ・新聞・雑誌</t>
  </si>
  <si>
    <t>休養・くつろぎ</t>
  </si>
  <si>
    <t>趣味・娯楽</t>
  </si>
  <si>
    <t>スポーツ</t>
  </si>
  <si>
    <t>ボランティア活動・社会参加活動</t>
  </si>
  <si>
    <t>交際・付き合い</t>
  </si>
  <si>
    <t>受診・療養</t>
  </si>
  <si>
    <t>起床</t>
  </si>
  <si>
    <t>朝食開始</t>
  </si>
  <si>
    <t>夕食開始</t>
  </si>
  <si>
    <t>就寝</t>
  </si>
  <si>
    <t>出勤</t>
  </si>
  <si>
    <t>スポーツ</t>
    <phoneticPr fontId="1"/>
  </si>
  <si>
    <t>※ 5個以上調べる場合、貼付シートを増やそう
シート名「貼付１」右クリック
→「移動またはコピー」→「コピーを作成する」にチェックを入れ「OK｝</t>
    <rPh sb="3" eb="6">
      <t>コイジョウ</t>
    </rPh>
    <rPh sb="6" eb="7">
      <t>シラ</t>
    </rPh>
    <rPh sb="9" eb="11">
      <t>バアイ</t>
    </rPh>
    <rPh sb="12" eb="13">
      <t>ハ</t>
    </rPh>
    <rPh sb="13" eb="14">
      <t>ツ</t>
    </rPh>
    <rPh sb="18" eb="19">
      <t>フ</t>
    </rPh>
    <rPh sb="26" eb="27">
      <t>メイ</t>
    </rPh>
    <rPh sb="28" eb="30">
      <t>ハリツ</t>
    </rPh>
    <rPh sb="32" eb="33">
      <t>ミギ</t>
    </rPh>
    <rPh sb="40" eb="42">
      <t>イドウ</t>
    </rPh>
    <rPh sb="55" eb="57">
      <t>サクセイ</t>
    </rPh>
    <rPh sb="66" eb="67">
      <t>イ</t>
    </rPh>
    <phoneticPr fontId="1"/>
  </si>
  <si>
    <t>もち</t>
  </si>
  <si>
    <t>たい</t>
  </si>
  <si>
    <t>さんま</t>
  </si>
  <si>
    <t>えび</t>
  </si>
  <si>
    <t>かき（貝）</t>
  </si>
  <si>
    <t>ほたて貝</t>
  </si>
  <si>
    <t>豚肉</t>
  </si>
  <si>
    <t>牛乳</t>
  </si>
  <si>
    <t>野菜・海藻</t>
    <phoneticPr fontId="1"/>
  </si>
  <si>
    <t>豆類</t>
  </si>
  <si>
    <t>果物</t>
    <phoneticPr fontId="1"/>
  </si>
  <si>
    <t>桃</t>
  </si>
  <si>
    <t>みそ</t>
  </si>
  <si>
    <t>菓子類</t>
    <phoneticPr fontId="1"/>
  </si>
  <si>
    <t>コーヒー</t>
  </si>
  <si>
    <t>酒類</t>
    <phoneticPr fontId="1"/>
  </si>
  <si>
    <t>焼肉</t>
  </si>
  <si>
    <t>ハンバーガー</t>
  </si>
  <si>
    <t>喫茶代</t>
  </si>
  <si>
    <t>幸福度に影響する要因についての考察</t>
    <rPh sb="15" eb="17">
      <t>コウサツ</t>
    </rPh>
    <phoneticPr fontId="1"/>
  </si>
  <si>
    <t xml:space="preserve">
なんでもOK.アイデア出しのつもりで書く。</t>
    <phoneticPr fontId="1"/>
  </si>
  <si>
    <t>相関係数</t>
    <rPh sb="0" eb="4">
      <t>ソウカンケイスウ</t>
    </rPh>
    <phoneticPr fontId="1"/>
  </si>
  <si>
    <t>正/負/なし</t>
    <rPh sb="0" eb="1">
      <t>セイ</t>
    </rPh>
    <rPh sb="2" eb="3">
      <t>フ</t>
    </rPh>
    <phoneticPr fontId="1"/>
  </si>
  <si>
    <t>なし</t>
    <phoneticPr fontId="1"/>
  </si>
  <si>
    <t>（参考）相関係数
0.7～1.0　強い相関
0.4～0.7　やや強い相関
0.2～0.4　弱い相関
0.0～0.2　ほぼ相関なし</t>
    <phoneticPr fontId="1"/>
  </si>
  <si>
    <t>　　の比較（自分の言葉で）</t>
    <rPh sb="3" eb="5">
      <t>ヒカク</t>
    </rPh>
    <rPh sb="6" eb="8">
      <t>ジブン</t>
    </rPh>
    <rPh sb="9" eb="11">
      <t>コトバ</t>
    </rPh>
    <phoneticPr fontId="1"/>
  </si>
  <si>
    <t>1. 仮説を立てよう</t>
    <rPh sb="3" eb="5">
      <t>カセツ</t>
    </rPh>
    <rPh sb="6" eb="7">
      <t>タ</t>
    </rPh>
    <phoneticPr fontId="1"/>
  </si>
  <si>
    <t>2. 分析結果を書き写そう</t>
    <rPh sb="3" eb="5">
      <t>ブンセキ</t>
    </rPh>
    <rPh sb="5" eb="7">
      <t>ケッカ</t>
    </rPh>
    <rPh sb="8" eb="9">
      <t>カ</t>
    </rPh>
    <rPh sb="10" eb="11">
      <t>ウツ</t>
    </rPh>
    <phoneticPr fontId="1"/>
  </si>
  <si>
    <t>3.分析結果について気づいたこと</t>
    <rPh sb="2" eb="6">
      <t>ブンセキケッカ</t>
    </rPh>
    <rPh sb="10" eb="11">
      <t>キ</t>
    </rPh>
    <phoneticPr fontId="1"/>
  </si>
  <si>
    <t>4.（まとめ：自分の言葉で）</t>
    <rPh sb="7" eb="9">
      <t>ジブン</t>
    </rPh>
    <rPh sb="10" eb="12">
      <t>コトバ</t>
    </rPh>
    <phoneticPr fontId="1"/>
  </si>
  <si>
    <t>5.（コピペ）生成AIによる考察</t>
    <rPh sb="7" eb="9">
      <t>セイセイ</t>
    </rPh>
    <rPh sb="14" eb="16">
      <t>コウサツ</t>
    </rPh>
    <phoneticPr fontId="1"/>
  </si>
  <si>
    <t>6.「自分の考察」と「生成AIの考察」</t>
    <rPh sb="3" eb="5">
      <t>ジブン</t>
    </rPh>
    <rPh sb="6" eb="8">
      <t>コウサツ</t>
    </rPh>
    <rPh sb="11" eb="13">
      <t>セイセイ</t>
    </rPh>
    <rPh sb="16" eb="18">
      <t>コウサ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0_ "/>
  </numFmts>
  <fonts count="16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color theme="1"/>
      <name val="BIZ UDPゴシック"/>
      <family val="3"/>
      <charset val="128"/>
    </font>
    <font>
      <b/>
      <sz val="16"/>
      <color theme="1"/>
      <name val="BIZ UDPゴシック"/>
      <family val="3"/>
      <charset val="128"/>
    </font>
    <font>
      <b/>
      <sz val="11"/>
      <color theme="1"/>
      <name val="游ゴシック"/>
      <family val="3"/>
      <charset val="128"/>
      <scheme val="minor"/>
    </font>
    <font>
      <b/>
      <sz val="11"/>
      <color rgb="FFFF0000"/>
      <name val="BIZ UDPゴシック"/>
      <family val="3"/>
      <charset val="128"/>
    </font>
    <font>
      <sz val="16"/>
      <color theme="1"/>
      <name val="BIZ UDPゴシック"/>
      <family val="3"/>
      <charset val="128"/>
    </font>
    <font>
      <b/>
      <sz val="16"/>
      <color rgb="FFFF0000"/>
      <name val="BIZ UDPゴシック"/>
      <family val="3"/>
      <charset val="128"/>
    </font>
    <font>
      <sz val="12"/>
      <color theme="1"/>
      <name val="BIZ UDPゴシック"/>
      <family val="3"/>
      <charset val="128"/>
    </font>
    <font>
      <sz val="20"/>
      <color theme="1"/>
      <name val="BIZ UDPゴシック"/>
      <family val="3"/>
      <charset val="128"/>
    </font>
    <font>
      <b/>
      <sz val="11"/>
      <color rgb="FF0070C0"/>
      <name val="BIZ UDPゴシック"/>
      <family val="3"/>
      <charset val="128"/>
    </font>
    <font>
      <u/>
      <sz val="11"/>
      <color theme="10"/>
      <name val="游ゴシック"/>
      <family val="2"/>
      <scheme val="minor"/>
    </font>
    <font>
      <b/>
      <sz val="11"/>
      <color rgb="FFFF0000"/>
      <name val="游ゴシック"/>
      <family val="3"/>
      <charset val="128"/>
      <scheme val="minor"/>
    </font>
    <font>
      <sz val="11"/>
      <color rgb="FF0070C0"/>
      <name val="BIZ UDPゴシック"/>
      <family val="3"/>
      <charset val="128"/>
    </font>
    <font>
      <b/>
      <sz val="14"/>
      <color theme="1"/>
      <name val="BIZ UDPゴシック"/>
      <family val="3"/>
      <charset val="128"/>
    </font>
    <font>
      <b/>
      <sz val="12"/>
      <color theme="1"/>
      <name val="BIZ UDP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9" tint="0.79998168889431442"/>
        <bgColor indexed="64"/>
      </patternFill>
    </fill>
  </fills>
  <borders count="1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11" fillId="0" borderId="0" applyNumberFormat="0" applyFill="0" applyBorder="0" applyAlignment="0" applyProtection="0"/>
  </cellStyleXfs>
  <cellXfs count="44">
    <xf numFmtId="0" fontId="0" fillId="0" borderId="0" xfId="0"/>
    <xf numFmtId="0" fontId="0" fillId="0" borderId="0" xfId="0" applyAlignment="1">
      <alignment vertical="center"/>
    </xf>
    <xf numFmtId="0" fontId="3" fillId="0" borderId="1" xfId="0" applyFont="1" applyBorder="1"/>
    <xf numFmtId="0" fontId="4" fillId="0" borderId="0" xfId="0" applyFont="1"/>
    <xf numFmtId="0" fontId="4" fillId="0" borderId="0" xfId="0" applyFont="1" applyAlignment="1">
      <alignment horizontal="center" vertical="center"/>
    </xf>
    <xf numFmtId="0" fontId="0" fillId="2" borderId="0" xfId="0" applyFill="1" applyAlignment="1">
      <alignment vertical="center"/>
    </xf>
    <xf numFmtId="0" fontId="0" fillId="0" borderId="2" xfId="0" applyBorder="1" applyAlignment="1">
      <alignment vertical="center"/>
    </xf>
    <xf numFmtId="0" fontId="4" fillId="0" borderId="2" xfId="0" applyFont="1" applyBorder="1" applyAlignment="1">
      <alignment horizontal="center" vertical="center"/>
    </xf>
    <xf numFmtId="0" fontId="0" fillId="2" borderId="2" xfId="0" applyFill="1" applyBorder="1" applyAlignment="1">
      <alignment vertical="center"/>
    </xf>
    <xf numFmtId="0" fontId="4" fillId="0" borderId="2" xfId="0" applyFont="1" applyBorder="1"/>
    <xf numFmtId="0" fontId="5" fillId="2" borderId="2" xfId="0" applyFont="1" applyFill="1" applyBorder="1" applyAlignment="1">
      <alignment horizontal="center" vertical="center"/>
    </xf>
    <xf numFmtId="0" fontId="6" fillId="0" borderId="0" xfId="0" applyFont="1"/>
    <xf numFmtId="0" fontId="0" fillId="0" borderId="0" xfId="0" applyAlignment="1">
      <alignment horizontal="center"/>
    </xf>
    <xf numFmtId="0" fontId="6" fillId="0" borderId="2" xfId="0" applyFont="1" applyBorder="1" applyAlignment="1">
      <alignment horizontal="center"/>
    </xf>
    <xf numFmtId="0" fontId="6" fillId="0" borderId="6" xfId="0" applyFont="1" applyBorder="1" applyAlignment="1">
      <alignment horizontal="center"/>
    </xf>
    <xf numFmtId="0" fontId="6" fillId="0" borderId="7" xfId="0" applyFont="1" applyBorder="1" applyAlignment="1">
      <alignment horizontal="center"/>
    </xf>
    <xf numFmtId="0" fontId="6" fillId="0" borderId="8" xfId="0" applyFont="1" applyBorder="1" applyAlignment="1">
      <alignment horizontal="center"/>
    </xf>
    <xf numFmtId="0" fontId="6" fillId="0" borderId="9" xfId="0" applyFont="1" applyBorder="1" applyAlignment="1">
      <alignment horizontal="center"/>
    </xf>
    <xf numFmtId="0" fontId="6" fillId="0" borderId="10" xfId="0" applyFont="1" applyBorder="1" applyAlignment="1">
      <alignment horizontal="center"/>
    </xf>
    <xf numFmtId="0" fontId="6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0" fontId="9" fillId="0" borderId="0" xfId="0" applyFont="1" applyAlignment="1">
      <alignment horizontal="left" vertical="top"/>
    </xf>
    <xf numFmtId="0" fontId="0" fillId="2" borderId="0" xfId="0" applyFill="1" applyAlignment="1">
      <alignment horizontal="left" vertical="center"/>
    </xf>
    <xf numFmtId="0" fontId="9" fillId="0" borderId="0" xfId="0" applyFont="1" applyAlignment="1">
      <alignment vertical="center"/>
    </xf>
    <xf numFmtId="0" fontId="9" fillId="0" borderId="0" xfId="0" applyFont="1" applyAlignment="1">
      <alignment horizontal="center" vertical="center"/>
    </xf>
    <xf numFmtId="0" fontId="12" fillId="0" borderId="0" xfId="0" applyFont="1"/>
    <xf numFmtId="0" fontId="11" fillId="0" borderId="0" xfId="1" applyAlignment="1">
      <alignment vertical="center"/>
    </xf>
    <xf numFmtId="0" fontId="11" fillId="0" borderId="0" xfId="1"/>
    <xf numFmtId="0" fontId="0" fillId="4" borderId="0" xfId="0" applyFill="1" applyAlignment="1">
      <alignment vertical="center"/>
    </xf>
    <xf numFmtId="0" fontId="0" fillId="4" borderId="0" xfId="0" applyFill="1"/>
    <xf numFmtId="20" fontId="0" fillId="0" borderId="0" xfId="0" applyNumberFormat="1" applyAlignment="1">
      <alignment vertical="center"/>
    </xf>
    <xf numFmtId="0" fontId="13" fillId="0" borderId="0" xfId="0" applyFont="1" applyAlignment="1">
      <alignment horizontal="left"/>
    </xf>
    <xf numFmtId="176" fontId="3" fillId="0" borderId="1" xfId="0" applyNumberFormat="1" applyFont="1" applyBorder="1"/>
    <xf numFmtId="0" fontId="10" fillId="0" borderId="0" xfId="0" applyFont="1" applyAlignment="1">
      <alignment horizontal="left" wrapText="1"/>
    </xf>
    <xf numFmtId="0" fontId="6" fillId="0" borderId="12" xfId="0" applyFont="1" applyBorder="1" applyAlignment="1">
      <alignment horizontal="center"/>
    </xf>
    <xf numFmtId="0" fontId="6" fillId="0" borderId="13" xfId="0" applyFont="1" applyBorder="1" applyAlignment="1">
      <alignment horizontal="center"/>
    </xf>
    <xf numFmtId="0" fontId="14" fillId="3" borderId="3" xfId="0" applyFont="1" applyFill="1" applyBorder="1" applyAlignment="1">
      <alignment horizontal="center"/>
    </xf>
    <xf numFmtId="0" fontId="14" fillId="3" borderId="4" xfId="0" applyFont="1" applyFill="1" applyBorder="1" applyAlignment="1">
      <alignment horizontal="center"/>
    </xf>
    <xf numFmtId="0" fontId="14" fillId="3" borderId="11" xfId="0" applyFont="1" applyFill="1" applyBorder="1" applyAlignment="1">
      <alignment horizontal="center"/>
    </xf>
    <xf numFmtId="0" fontId="2" fillId="0" borderId="0" xfId="0" applyFont="1" applyAlignment="1">
      <alignment vertical="center" wrapText="1"/>
    </xf>
    <xf numFmtId="0" fontId="15" fillId="3" borderId="5" xfId="0" applyFont="1" applyFill="1" applyBorder="1" applyAlignment="1">
      <alignment horizontal="center"/>
    </xf>
    <xf numFmtId="0" fontId="10" fillId="0" borderId="0" xfId="0" applyFont="1" applyAlignment="1">
      <alignment horizontal="left" wrapText="1"/>
    </xf>
    <xf numFmtId="0" fontId="8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top" wrapText="1"/>
    </xf>
  </cellXfs>
  <cellStyles count="2">
    <cellStyle name="ハイパーリンク" xfId="1" builtinId="8"/>
    <cellStyle name="標準" xfId="0" builtinId="0"/>
  </cellStyles>
  <dxfs count="2">
    <dxf>
      <fill>
        <patternFill>
          <bgColor theme="8" tint="0.79998168889431442"/>
        </patternFill>
      </fill>
    </dxf>
    <dxf>
      <fill>
        <patternFill>
          <bgColor theme="7" tint="0.79998168889431442"/>
        </patternFill>
      </fill>
    </dxf>
  </dxfs>
  <tableStyles count="0" defaultTableStyle="TableStyleMedium2" defaultPivotStyle="PivotStyleMedium9"/>
  <colors>
    <mruColors>
      <color rgb="FFE6C8C8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customXml" Target="../customXml/item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20" Type="http://schemas.openxmlformats.org/officeDocument/2006/relationships/customXml" Target="../customXml/item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貼付例!$K$1</c:f>
              <c:strCache>
                <c:ptCount val="1"/>
                <c:pt idx="0">
                  <c:v>幸福度(点)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ja-JP"/>
                </a:p>
              </c:txPr>
            </c:trendlineLbl>
          </c:trendline>
          <c:xVal>
            <c:numRef>
              <c:f>貼付例!$J$2:$J$48</c:f>
              <c:numCache>
                <c:formatCode>General</c:formatCode>
                <c:ptCount val="47"/>
                <c:pt idx="0">
                  <c:v>1446</c:v>
                </c:pt>
                <c:pt idx="1">
                  <c:v>2043</c:v>
                </c:pt>
                <c:pt idx="2">
                  <c:v>2010</c:v>
                </c:pt>
                <c:pt idx="3">
                  <c:v>2188</c:v>
                </c:pt>
                <c:pt idx="4">
                  <c:v>2163</c:v>
                </c:pt>
                <c:pt idx="5">
                  <c:v>2046</c:v>
                </c:pt>
                <c:pt idx="6">
                  <c:v>1899</c:v>
                </c:pt>
                <c:pt idx="7">
                  <c:v>2014</c:v>
                </c:pt>
                <c:pt idx="8">
                  <c:v>2942</c:v>
                </c:pt>
                <c:pt idx="9">
                  <c:v>1989</c:v>
                </c:pt>
                <c:pt idx="10">
                  <c:v>2757</c:v>
                </c:pt>
                <c:pt idx="11">
                  <c:v>2553</c:v>
                </c:pt>
                <c:pt idx="12">
                  <c:v>2947</c:v>
                </c:pt>
                <c:pt idx="13">
                  <c:v>2563</c:v>
                </c:pt>
                <c:pt idx="14">
                  <c:v>1519</c:v>
                </c:pt>
                <c:pt idx="15">
                  <c:v>2520</c:v>
                </c:pt>
                <c:pt idx="16">
                  <c:v>2861</c:v>
                </c:pt>
                <c:pt idx="17">
                  <c:v>1660</c:v>
                </c:pt>
                <c:pt idx="18">
                  <c:v>2212</c:v>
                </c:pt>
                <c:pt idx="19">
                  <c:v>2292</c:v>
                </c:pt>
                <c:pt idx="20">
                  <c:v>2512</c:v>
                </c:pt>
                <c:pt idx="21">
                  <c:v>3563</c:v>
                </c:pt>
                <c:pt idx="22">
                  <c:v>3124</c:v>
                </c:pt>
                <c:pt idx="23">
                  <c:v>2381</c:v>
                </c:pt>
                <c:pt idx="24">
                  <c:v>2811</c:v>
                </c:pt>
                <c:pt idx="25">
                  <c:v>4050</c:v>
                </c:pt>
                <c:pt idx="26">
                  <c:v>2828</c:v>
                </c:pt>
                <c:pt idx="27">
                  <c:v>3396</c:v>
                </c:pt>
                <c:pt idx="28">
                  <c:v>2831</c:v>
                </c:pt>
                <c:pt idx="29">
                  <c:v>3697</c:v>
                </c:pt>
                <c:pt idx="30">
                  <c:v>2376</c:v>
                </c:pt>
                <c:pt idx="31">
                  <c:v>3174</c:v>
                </c:pt>
                <c:pt idx="32">
                  <c:v>1915</c:v>
                </c:pt>
                <c:pt idx="33">
                  <c:v>1946</c:v>
                </c:pt>
                <c:pt idx="34">
                  <c:v>1770</c:v>
                </c:pt>
                <c:pt idx="35">
                  <c:v>2529</c:v>
                </c:pt>
                <c:pt idx="36">
                  <c:v>2409</c:v>
                </c:pt>
                <c:pt idx="37">
                  <c:v>1837</c:v>
                </c:pt>
                <c:pt idx="38">
                  <c:v>2007</c:v>
                </c:pt>
                <c:pt idx="39">
                  <c:v>1523</c:v>
                </c:pt>
                <c:pt idx="40">
                  <c:v>1774</c:v>
                </c:pt>
                <c:pt idx="41">
                  <c:v>2153</c:v>
                </c:pt>
                <c:pt idx="42">
                  <c:v>1631</c:v>
                </c:pt>
                <c:pt idx="43">
                  <c:v>1869</c:v>
                </c:pt>
                <c:pt idx="44">
                  <c:v>2832</c:v>
                </c:pt>
                <c:pt idx="45">
                  <c:v>3013</c:v>
                </c:pt>
                <c:pt idx="46">
                  <c:v>13594</c:v>
                </c:pt>
              </c:numCache>
            </c:numRef>
          </c:xVal>
          <c:yVal>
            <c:numRef>
              <c:f>貼付例!$K$2:$K$48</c:f>
              <c:numCache>
                <c:formatCode>General</c:formatCode>
                <c:ptCount val="47"/>
                <c:pt idx="0">
                  <c:v>65.099999999999994</c:v>
                </c:pt>
                <c:pt idx="1">
                  <c:v>66</c:v>
                </c:pt>
                <c:pt idx="2">
                  <c:v>64.3</c:v>
                </c:pt>
                <c:pt idx="3">
                  <c:v>61.6</c:v>
                </c:pt>
                <c:pt idx="4">
                  <c:v>65.7</c:v>
                </c:pt>
                <c:pt idx="5">
                  <c:v>64.3</c:v>
                </c:pt>
                <c:pt idx="6">
                  <c:v>64.599999999999994</c:v>
                </c:pt>
                <c:pt idx="7">
                  <c:v>64.599999999999994</c:v>
                </c:pt>
                <c:pt idx="8">
                  <c:v>66.3</c:v>
                </c:pt>
                <c:pt idx="9">
                  <c:v>66</c:v>
                </c:pt>
                <c:pt idx="10">
                  <c:v>65.5</c:v>
                </c:pt>
                <c:pt idx="11">
                  <c:v>61.9</c:v>
                </c:pt>
                <c:pt idx="12">
                  <c:v>64</c:v>
                </c:pt>
                <c:pt idx="13">
                  <c:v>60.2</c:v>
                </c:pt>
                <c:pt idx="14">
                  <c:v>61.6</c:v>
                </c:pt>
                <c:pt idx="15">
                  <c:v>64</c:v>
                </c:pt>
                <c:pt idx="16">
                  <c:v>67.099999999999994</c:v>
                </c:pt>
                <c:pt idx="17">
                  <c:v>69</c:v>
                </c:pt>
                <c:pt idx="18">
                  <c:v>68.3</c:v>
                </c:pt>
                <c:pt idx="19">
                  <c:v>65</c:v>
                </c:pt>
                <c:pt idx="20">
                  <c:v>64.5</c:v>
                </c:pt>
                <c:pt idx="21">
                  <c:v>62.5</c:v>
                </c:pt>
                <c:pt idx="22">
                  <c:v>62.3</c:v>
                </c:pt>
                <c:pt idx="23">
                  <c:v>67.400000000000006</c:v>
                </c:pt>
                <c:pt idx="24">
                  <c:v>67.400000000000006</c:v>
                </c:pt>
                <c:pt idx="25">
                  <c:v>65.8</c:v>
                </c:pt>
                <c:pt idx="26">
                  <c:v>60.6</c:v>
                </c:pt>
                <c:pt idx="27">
                  <c:v>65.2</c:v>
                </c:pt>
                <c:pt idx="28">
                  <c:v>68.5</c:v>
                </c:pt>
                <c:pt idx="29">
                  <c:v>69.599999999999994</c:v>
                </c:pt>
                <c:pt idx="30">
                  <c:v>64.8</c:v>
                </c:pt>
                <c:pt idx="31">
                  <c:v>66</c:v>
                </c:pt>
                <c:pt idx="32">
                  <c:v>67.900000000000006</c:v>
                </c:pt>
                <c:pt idx="33">
                  <c:v>66.8</c:v>
                </c:pt>
                <c:pt idx="34">
                  <c:v>67.099999999999994</c:v>
                </c:pt>
                <c:pt idx="35">
                  <c:v>67.3</c:v>
                </c:pt>
                <c:pt idx="36">
                  <c:v>68.2</c:v>
                </c:pt>
                <c:pt idx="37">
                  <c:v>65.599999999999994</c:v>
                </c:pt>
                <c:pt idx="38">
                  <c:v>67.599999999999994</c:v>
                </c:pt>
                <c:pt idx="39">
                  <c:v>64.7</c:v>
                </c:pt>
                <c:pt idx="40">
                  <c:v>67.099999999999994</c:v>
                </c:pt>
                <c:pt idx="41">
                  <c:v>67</c:v>
                </c:pt>
                <c:pt idx="42">
                  <c:v>66.3</c:v>
                </c:pt>
                <c:pt idx="43">
                  <c:v>70.8</c:v>
                </c:pt>
                <c:pt idx="44">
                  <c:v>69.900000000000006</c:v>
                </c:pt>
                <c:pt idx="45">
                  <c:v>68.900000000000006</c:v>
                </c:pt>
                <c:pt idx="46">
                  <c:v>72.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17B1-4504-BE6A-521CBDCFE0B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553793984"/>
        <c:axId val="1553791104"/>
      </c:scatterChart>
      <c:valAx>
        <c:axId val="155379398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1104"/>
        <c:crosses val="autoZero"/>
        <c:crossBetween val="midCat"/>
      </c:valAx>
      <c:valAx>
        <c:axId val="155379110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398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貼付１!$K$1</c:f>
              <c:strCache>
                <c:ptCount val="1"/>
                <c:pt idx="0">
                  <c:v>幸福度(点)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ja-JP"/>
                </a:p>
              </c:txPr>
            </c:trendlineLbl>
          </c:trendline>
          <c:xVal>
            <c:numRef>
              <c:f>貼付１!$J$2:$J$48</c:f>
              <c:numCache>
                <c:formatCode>General</c:formatCode>
                <c:ptCount val="47"/>
              </c:numCache>
            </c:numRef>
          </c:xVal>
          <c:yVal>
            <c:numRef>
              <c:f>貼付１!$K$2:$K$48</c:f>
              <c:numCache>
                <c:formatCode>General</c:formatCode>
                <c:ptCount val="47"/>
                <c:pt idx="0">
                  <c:v>65.099999999999994</c:v>
                </c:pt>
                <c:pt idx="1">
                  <c:v>66</c:v>
                </c:pt>
                <c:pt idx="2">
                  <c:v>64.3</c:v>
                </c:pt>
                <c:pt idx="3">
                  <c:v>61.6</c:v>
                </c:pt>
                <c:pt idx="4">
                  <c:v>65.7</c:v>
                </c:pt>
                <c:pt idx="5">
                  <c:v>64.3</c:v>
                </c:pt>
                <c:pt idx="6">
                  <c:v>64.599999999999994</c:v>
                </c:pt>
                <c:pt idx="7">
                  <c:v>64.599999999999994</c:v>
                </c:pt>
                <c:pt idx="8">
                  <c:v>66.3</c:v>
                </c:pt>
                <c:pt idx="9">
                  <c:v>66</c:v>
                </c:pt>
                <c:pt idx="10">
                  <c:v>65.5</c:v>
                </c:pt>
                <c:pt idx="11">
                  <c:v>61.9</c:v>
                </c:pt>
                <c:pt idx="12">
                  <c:v>64</c:v>
                </c:pt>
                <c:pt idx="13">
                  <c:v>60.2</c:v>
                </c:pt>
                <c:pt idx="14">
                  <c:v>61.6</c:v>
                </c:pt>
                <c:pt idx="15">
                  <c:v>64</c:v>
                </c:pt>
                <c:pt idx="16">
                  <c:v>67.099999999999994</c:v>
                </c:pt>
                <c:pt idx="17">
                  <c:v>69</c:v>
                </c:pt>
                <c:pt idx="18">
                  <c:v>68.3</c:v>
                </c:pt>
                <c:pt idx="19">
                  <c:v>65</c:v>
                </c:pt>
                <c:pt idx="20">
                  <c:v>64.5</c:v>
                </c:pt>
                <c:pt idx="21">
                  <c:v>62.5</c:v>
                </c:pt>
                <c:pt idx="22">
                  <c:v>62.3</c:v>
                </c:pt>
                <c:pt idx="23">
                  <c:v>67.400000000000006</c:v>
                </c:pt>
                <c:pt idx="24">
                  <c:v>67.400000000000006</c:v>
                </c:pt>
                <c:pt idx="25">
                  <c:v>65.8</c:v>
                </c:pt>
                <c:pt idx="26">
                  <c:v>60.6</c:v>
                </c:pt>
                <c:pt idx="27">
                  <c:v>65.2</c:v>
                </c:pt>
                <c:pt idx="28">
                  <c:v>68.5</c:v>
                </c:pt>
                <c:pt idx="29">
                  <c:v>69.599999999999994</c:v>
                </c:pt>
                <c:pt idx="30">
                  <c:v>64.8</c:v>
                </c:pt>
                <c:pt idx="31">
                  <c:v>66</c:v>
                </c:pt>
                <c:pt idx="32">
                  <c:v>67.900000000000006</c:v>
                </c:pt>
                <c:pt idx="33">
                  <c:v>66.8</c:v>
                </c:pt>
                <c:pt idx="34">
                  <c:v>67.099999999999994</c:v>
                </c:pt>
                <c:pt idx="35">
                  <c:v>67.3</c:v>
                </c:pt>
                <c:pt idx="36">
                  <c:v>68.2</c:v>
                </c:pt>
                <c:pt idx="37">
                  <c:v>65.599999999999994</c:v>
                </c:pt>
                <c:pt idx="38">
                  <c:v>67.599999999999994</c:v>
                </c:pt>
                <c:pt idx="39">
                  <c:v>64.7</c:v>
                </c:pt>
                <c:pt idx="40">
                  <c:v>67.099999999999994</c:v>
                </c:pt>
                <c:pt idx="41">
                  <c:v>67</c:v>
                </c:pt>
                <c:pt idx="42">
                  <c:v>66.3</c:v>
                </c:pt>
                <c:pt idx="43">
                  <c:v>70.8</c:v>
                </c:pt>
                <c:pt idx="44">
                  <c:v>69.900000000000006</c:v>
                </c:pt>
                <c:pt idx="45">
                  <c:v>68.900000000000006</c:v>
                </c:pt>
                <c:pt idx="46">
                  <c:v>72.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9E79-46E4-B336-7680D5D3A79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553793984"/>
        <c:axId val="1553791104"/>
      </c:scatterChart>
      <c:valAx>
        <c:axId val="155379398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1104"/>
        <c:crosses val="autoZero"/>
        <c:crossBetween val="midCat"/>
      </c:valAx>
      <c:valAx>
        <c:axId val="155379110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398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貼付２!$K$1</c:f>
              <c:strCache>
                <c:ptCount val="1"/>
                <c:pt idx="0">
                  <c:v>幸福度(点)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ja-JP"/>
                </a:p>
              </c:txPr>
            </c:trendlineLbl>
          </c:trendline>
          <c:xVal>
            <c:numRef>
              <c:f>貼付２!$J$2:$J$48</c:f>
              <c:numCache>
                <c:formatCode>General</c:formatCode>
                <c:ptCount val="47"/>
              </c:numCache>
            </c:numRef>
          </c:xVal>
          <c:yVal>
            <c:numRef>
              <c:f>貼付２!$K$2:$K$48</c:f>
              <c:numCache>
                <c:formatCode>General</c:formatCode>
                <c:ptCount val="47"/>
                <c:pt idx="0">
                  <c:v>65.099999999999994</c:v>
                </c:pt>
                <c:pt idx="1">
                  <c:v>66</c:v>
                </c:pt>
                <c:pt idx="2">
                  <c:v>64.3</c:v>
                </c:pt>
                <c:pt idx="3">
                  <c:v>61.6</c:v>
                </c:pt>
                <c:pt idx="4">
                  <c:v>65.7</c:v>
                </c:pt>
                <c:pt idx="5">
                  <c:v>64.3</c:v>
                </c:pt>
                <c:pt idx="6">
                  <c:v>64.599999999999994</c:v>
                </c:pt>
                <c:pt idx="7">
                  <c:v>64.599999999999994</c:v>
                </c:pt>
                <c:pt idx="8">
                  <c:v>66.3</c:v>
                </c:pt>
                <c:pt idx="9">
                  <c:v>66</c:v>
                </c:pt>
                <c:pt idx="10">
                  <c:v>65.5</c:v>
                </c:pt>
                <c:pt idx="11">
                  <c:v>61.9</c:v>
                </c:pt>
                <c:pt idx="12">
                  <c:v>64</c:v>
                </c:pt>
                <c:pt idx="13">
                  <c:v>60.2</c:v>
                </c:pt>
                <c:pt idx="14">
                  <c:v>61.6</c:v>
                </c:pt>
                <c:pt idx="15">
                  <c:v>64</c:v>
                </c:pt>
                <c:pt idx="16">
                  <c:v>67.099999999999994</c:v>
                </c:pt>
                <c:pt idx="17">
                  <c:v>69</c:v>
                </c:pt>
                <c:pt idx="18">
                  <c:v>68.3</c:v>
                </c:pt>
                <c:pt idx="19">
                  <c:v>65</c:v>
                </c:pt>
                <c:pt idx="20">
                  <c:v>64.5</c:v>
                </c:pt>
                <c:pt idx="21">
                  <c:v>62.5</c:v>
                </c:pt>
                <c:pt idx="22">
                  <c:v>62.3</c:v>
                </c:pt>
                <c:pt idx="23">
                  <c:v>67.400000000000006</c:v>
                </c:pt>
                <c:pt idx="24">
                  <c:v>67.400000000000006</c:v>
                </c:pt>
                <c:pt idx="25">
                  <c:v>65.8</c:v>
                </c:pt>
                <c:pt idx="26">
                  <c:v>60.6</c:v>
                </c:pt>
                <c:pt idx="27">
                  <c:v>65.2</c:v>
                </c:pt>
                <c:pt idx="28">
                  <c:v>68.5</c:v>
                </c:pt>
                <c:pt idx="29">
                  <c:v>69.599999999999994</c:v>
                </c:pt>
                <c:pt idx="30">
                  <c:v>64.8</c:v>
                </c:pt>
                <c:pt idx="31">
                  <c:v>66</c:v>
                </c:pt>
                <c:pt idx="32">
                  <c:v>67.900000000000006</c:v>
                </c:pt>
                <c:pt idx="33">
                  <c:v>66.8</c:v>
                </c:pt>
                <c:pt idx="34">
                  <c:v>67.099999999999994</c:v>
                </c:pt>
                <c:pt idx="35">
                  <c:v>67.3</c:v>
                </c:pt>
                <c:pt idx="36">
                  <c:v>68.2</c:v>
                </c:pt>
                <c:pt idx="37">
                  <c:v>65.599999999999994</c:v>
                </c:pt>
                <c:pt idx="38">
                  <c:v>67.599999999999994</c:v>
                </c:pt>
                <c:pt idx="39">
                  <c:v>64.7</c:v>
                </c:pt>
                <c:pt idx="40">
                  <c:v>67.099999999999994</c:v>
                </c:pt>
                <c:pt idx="41">
                  <c:v>67</c:v>
                </c:pt>
                <c:pt idx="42">
                  <c:v>66.3</c:v>
                </c:pt>
                <c:pt idx="43">
                  <c:v>70.8</c:v>
                </c:pt>
                <c:pt idx="44">
                  <c:v>69.900000000000006</c:v>
                </c:pt>
                <c:pt idx="45">
                  <c:v>68.900000000000006</c:v>
                </c:pt>
                <c:pt idx="46">
                  <c:v>72.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395B-47E8-8B8F-75ED2DD8F15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553793984"/>
        <c:axId val="1553791104"/>
      </c:scatterChart>
      <c:valAx>
        <c:axId val="155379398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1104"/>
        <c:crosses val="autoZero"/>
        <c:crossBetween val="midCat"/>
      </c:valAx>
      <c:valAx>
        <c:axId val="155379110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398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貼付３!$K$1</c:f>
              <c:strCache>
                <c:ptCount val="1"/>
                <c:pt idx="0">
                  <c:v>幸福度(点)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ja-JP"/>
                </a:p>
              </c:txPr>
            </c:trendlineLbl>
          </c:trendline>
          <c:xVal>
            <c:numRef>
              <c:f>貼付３!$J$2:$J$48</c:f>
              <c:numCache>
                <c:formatCode>General</c:formatCode>
                <c:ptCount val="47"/>
              </c:numCache>
            </c:numRef>
          </c:xVal>
          <c:yVal>
            <c:numRef>
              <c:f>貼付３!$K$2:$K$48</c:f>
              <c:numCache>
                <c:formatCode>General</c:formatCode>
                <c:ptCount val="47"/>
                <c:pt idx="0">
                  <c:v>65.099999999999994</c:v>
                </c:pt>
                <c:pt idx="1">
                  <c:v>66</c:v>
                </c:pt>
                <c:pt idx="2">
                  <c:v>64.3</c:v>
                </c:pt>
                <c:pt idx="3">
                  <c:v>61.6</c:v>
                </c:pt>
                <c:pt idx="4">
                  <c:v>65.7</c:v>
                </c:pt>
                <c:pt idx="5">
                  <c:v>64.3</c:v>
                </c:pt>
                <c:pt idx="6">
                  <c:v>64.599999999999994</c:v>
                </c:pt>
                <c:pt idx="7">
                  <c:v>64.599999999999994</c:v>
                </c:pt>
                <c:pt idx="8">
                  <c:v>66.3</c:v>
                </c:pt>
                <c:pt idx="9">
                  <c:v>66</c:v>
                </c:pt>
                <c:pt idx="10">
                  <c:v>65.5</c:v>
                </c:pt>
                <c:pt idx="11">
                  <c:v>61.9</c:v>
                </c:pt>
                <c:pt idx="12">
                  <c:v>64</c:v>
                </c:pt>
                <c:pt idx="13">
                  <c:v>60.2</c:v>
                </c:pt>
                <c:pt idx="14">
                  <c:v>61.6</c:v>
                </c:pt>
                <c:pt idx="15">
                  <c:v>64</c:v>
                </c:pt>
                <c:pt idx="16">
                  <c:v>67.099999999999994</c:v>
                </c:pt>
                <c:pt idx="17">
                  <c:v>69</c:v>
                </c:pt>
                <c:pt idx="18">
                  <c:v>68.3</c:v>
                </c:pt>
                <c:pt idx="19">
                  <c:v>65</c:v>
                </c:pt>
                <c:pt idx="20">
                  <c:v>64.5</c:v>
                </c:pt>
                <c:pt idx="21">
                  <c:v>62.5</c:v>
                </c:pt>
                <c:pt idx="22">
                  <c:v>62.3</c:v>
                </c:pt>
                <c:pt idx="23">
                  <c:v>67.400000000000006</c:v>
                </c:pt>
                <c:pt idx="24">
                  <c:v>67.400000000000006</c:v>
                </c:pt>
                <c:pt idx="25">
                  <c:v>65.8</c:v>
                </c:pt>
                <c:pt idx="26">
                  <c:v>60.6</c:v>
                </c:pt>
                <c:pt idx="27">
                  <c:v>65.2</c:v>
                </c:pt>
                <c:pt idx="28">
                  <c:v>68.5</c:v>
                </c:pt>
                <c:pt idx="29">
                  <c:v>69.599999999999994</c:v>
                </c:pt>
                <c:pt idx="30">
                  <c:v>64.8</c:v>
                </c:pt>
                <c:pt idx="31">
                  <c:v>66</c:v>
                </c:pt>
                <c:pt idx="32">
                  <c:v>67.900000000000006</c:v>
                </c:pt>
                <c:pt idx="33">
                  <c:v>66.8</c:v>
                </c:pt>
                <c:pt idx="34">
                  <c:v>67.099999999999994</c:v>
                </c:pt>
                <c:pt idx="35">
                  <c:v>67.3</c:v>
                </c:pt>
                <c:pt idx="36">
                  <c:v>68.2</c:v>
                </c:pt>
                <c:pt idx="37">
                  <c:v>65.599999999999994</c:v>
                </c:pt>
                <c:pt idx="38">
                  <c:v>67.599999999999994</c:v>
                </c:pt>
                <c:pt idx="39">
                  <c:v>64.7</c:v>
                </c:pt>
                <c:pt idx="40">
                  <c:v>67.099999999999994</c:v>
                </c:pt>
                <c:pt idx="41">
                  <c:v>67</c:v>
                </c:pt>
                <c:pt idx="42">
                  <c:v>66.3</c:v>
                </c:pt>
                <c:pt idx="43">
                  <c:v>70.8</c:v>
                </c:pt>
                <c:pt idx="44">
                  <c:v>69.900000000000006</c:v>
                </c:pt>
                <c:pt idx="45">
                  <c:v>68.900000000000006</c:v>
                </c:pt>
                <c:pt idx="46">
                  <c:v>72.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0482-4128-8934-BB743862DE8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553793984"/>
        <c:axId val="1553791104"/>
      </c:scatterChart>
      <c:valAx>
        <c:axId val="155379398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1104"/>
        <c:crosses val="autoZero"/>
        <c:crossBetween val="midCat"/>
      </c:valAx>
      <c:valAx>
        <c:axId val="155379110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398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貼付４!$K$1</c:f>
              <c:strCache>
                <c:ptCount val="1"/>
                <c:pt idx="0">
                  <c:v>幸福度(点)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ja-JP"/>
                </a:p>
              </c:txPr>
            </c:trendlineLbl>
          </c:trendline>
          <c:xVal>
            <c:numRef>
              <c:f>貼付４!$J$2:$J$48</c:f>
              <c:numCache>
                <c:formatCode>General</c:formatCode>
                <c:ptCount val="47"/>
              </c:numCache>
            </c:numRef>
          </c:xVal>
          <c:yVal>
            <c:numRef>
              <c:f>貼付４!$K$2:$K$48</c:f>
              <c:numCache>
                <c:formatCode>General</c:formatCode>
                <c:ptCount val="47"/>
                <c:pt idx="0">
                  <c:v>65.099999999999994</c:v>
                </c:pt>
                <c:pt idx="1">
                  <c:v>66</c:v>
                </c:pt>
                <c:pt idx="2">
                  <c:v>64.3</c:v>
                </c:pt>
                <c:pt idx="3">
                  <c:v>61.6</c:v>
                </c:pt>
                <c:pt idx="4">
                  <c:v>65.7</c:v>
                </c:pt>
                <c:pt idx="5">
                  <c:v>64.3</c:v>
                </c:pt>
                <c:pt idx="6">
                  <c:v>64.599999999999994</c:v>
                </c:pt>
                <c:pt idx="7">
                  <c:v>64.599999999999994</c:v>
                </c:pt>
                <c:pt idx="8">
                  <c:v>66.3</c:v>
                </c:pt>
                <c:pt idx="9">
                  <c:v>66</c:v>
                </c:pt>
                <c:pt idx="10">
                  <c:v>65.5</c:v>
                </c:pt>
                <c:pt idx="11">
                  <c:v>61.9</c:v>
                </c:pt>
                <c:pt idx="12">
                  <c:v>64</c:v>
                </c:pt>
                <c:pt idx="13">
                  <c:v>60.2</c:v>
                </c:pt>
                <c:pt idx="14">
                  <c:v>61.6</c:v>
                </c:pt>
                <c:pt idx="15">
                  <c:v>64</c:v>
                </c:pt>
                <c:pt idx="16">
                  <c:v>67.099999999999994</c:v>
                </c:pt>
                <c:pt idx="17">
                  <c:v>69</c:v>
                </c:pt>
                <c:pt idx="18">
                  <c:v>68.3</c:v>
                </c:pt>
                <c:pt idx="19">
                  <c:v>65</c:v>
                </c:pt>
                <c:pt idx="20">
                  <c:v>64.5</c:v>
                </c:pt>
                <c:pt idx="21">
                  <c:v>62.5</c:v>
                </c:pt>
                <c:pt idx="22">
                  <c:v>62.3</c:v>
                </c:pt>
                <c:pt idx="23">
                  <c:v>67.400000000000006</c:v>
                </c:pt>
                <c:pt idx="24">
                  <c:v>67.400000000000006</c:v>
                </c:pt>
                <c:pt idx="25">
                  <c:v>65.8</c:v>
                </c:pt>
                <c:pt idx="26">
                  <c:v>60.6</c:v>
                </c:pt>
                <c:pt idx="27">
                  <c:v>65.2</c:v>
                </c:pt>
                <c:pt idx="28">
                  <c:v>68.5</c:v>
                </c:pt>
                <c:pt idx="29">
                  <c:v>69.599999999999994</c:v>
                </c:pt>
                <c:pt idx="30">
                  <c:v>64.8</c:v>
                </c:pt>
                <c:pt idx="31">
                  <c:v>66</c:v>
                </c:pt>
                <c:pt idx="32">
                  <c:v>67.900000000000006</c:v>
                </c:pt>
                <c:pt idx="33">
                  <c:v>66.8</c:v>
                </c:pt>
                <c:pt idx="34">
                  <c:v>67.099999999999994</c:v>
                </c:pt>
                <c:pt idx="35">
                  <c:v>67.3</c:v>
                </c:pt>
                <c:pt idx="36">
                  <c:v>68.2</c:v>
                </c:pt>
                <c:pt idx="37">
                  <c:v>65.599999999999994</c:v>
                </c:pt>
                <c:pt idx="38">
                  <c:v>67.599999999999994</c:v>
                </c:pt>
                <c:pt idx="39">
                  <c:v>64.7</c:v>
                </c:pt>
                <c:pt idx="40">
                  <c:v>67.099999999999994</c:v>
                </c:pt>
                <c:pt idx="41">
                  <c:v>67</c:v>
                </c:pt>
                <c:pt idx="42">
                  <c:v>66.3</c:v>
                </c:pt>
                <c:pt idx="43">
                  <c:v>70.8</c:v>
                </c:pt>
                <c:pt idx="44">
                  <c:v>69.900000000000006</c:v>
                </c:pt>
                <c:pt idx="45">
                  <c:v>68.900000000000006</c:v>
                </c:pt>
                <c:pt idx="46">
                  <c:v>72.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F452-4336-94D5-AB389C0B6DF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553793984"/>
        <c:axId val="1553791104"/>
      </c:scatterChart>
      <c:valAx>
        <c:axId val="155379398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1104"/>
        <c:crosses val="autoZero"/>
        <c:crossBetween val="midCat"/>
      </c:valAx>
      <c:valAx>
        <c:axId val="155379110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398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貼付５!$K$1</c:f>
              <c:strCache>
                <c:ptCount val="1"/>
                <c:pt idx="0">
                  <c:v>幸福度(点)</c:v>
                </c:pt>
              </c:strCache>
            </c:strRef>
          </c:tx>
          <c:spPr>
            <a:ln w="381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ja-JP"/>
                </a:p>
              </c:txPr>
            </c:trendlineLbl>
          </c:trendline>
          <c:xVal>
            <c:numRef>
              <c:f>貼付５!$J$2:$J$48</c:f>
              <c:numCache>
                <c:formatCode>General</c:formatCode>
                <c:ptCount val="47"/>
              </c:numCache>
            </c:numRef>
          </c:xVal>
          <c:yVal>
            <c:numRef>
              <c:f>貼付５!$K$2:$K$48</c:f>
              <c:numCache>
                <c:formatCode>General</c:formatCode>
                <c:ptCount val="47"/>
                <c:pt idx="0">
                  <c:v>65.099999999999994</c:v>
                </c:pt>
                <c:pt idx="1">
                  <c:v>66</c:v>
                </c:pt>
                <c:pt idx="2">
                  <c:v>64.3</c:v>
                </c:pt>
                <c:pt idx="3">
                  <c:v>61.6</c:v>
                </c:pt>
                <c:pt idx="4">
                  <c:v>65.7</c:v>
                </c:pt>
                <c:pt idx="5">
                  <c:v>64.3</c:v>
                </c:pt>
                <c:pt idx="6">
                  <c:v>64.599999999999994</c:v>
                </c:pt>
                <c:pt idx="7">
                  <c:v>64.599999999999994</c:v>
                </c:pt>
                <c:pt idx="8">
                  <c:v>66.3</c:v>
                </c:pt>
                <c:pt idx="9">
                  <c:v>66</c:v>
                </c:pt>
                <c:pt idx="10">
                  <c:v>65.5</c:v>
                </c:pt>
                <c:pt idx="11">
                  <c:v>61.9</c:v>
                </c:pt>
                <c:pt idx="12">
                  <c:v>64</c:v>
                </c:pt>
                <c:pt idx="13">
                  <c:v>60.2</c:v>
                </c:pt>
                <c:pt idx="14">
                  <c:v>61.6</c:v>
                </c:pt>
                <c:pt idx="15">
                  <c:v>64</c:v>
                </c:pt>
                <c:pt idx="16">
                  <c:v>67.099999999999994</c:v>
                </c:pt>
                <c:pt idx="17">
                  <c:v>69</c:v>
                </c:pt>
                <c:pt idx="18">
                  <c:v>68.3</c:v>
                </c:pt>
                <c:pt idx="19">
                  <c:v>65</c:v>
                </c:pt>
                <c:pt idx="20">
                  <c:v>64.5</c:v>
                </c:pt>
                <c:pt idx="21">
                  <c:v>62.5</c:v>
                </c:pt>
                <c:pt idx="22">
                  <c:v>62.3</c:v>
                </c:pt>
                <c:pt idx="23">
                  <c:v>67.400000000000006</c:v>
                </c:pt>
                <c:pt idx="24">
                  <c:v>67.400000000000006</c:v>
                </c:pt>
                <c:pt idx="25">
                  <c:v>65.8</c:v>
                </c:pt>
                <c:pt idx="26">
                  <c:v>60.6</c:v>
                </c:pt>
                <c:pt idx="27">
                  <c:v>65.2</c:v>
                </c:pt>
                <c:pt idx="28">
                  <c:v>68.5</c:v>
                </c:pt>
                <c:pt idx="29">
                  <c:v>69.599999999999994</c:v>
                </c:pt>
                <c:pt idx="30">
                  <c:v>64.8</c:v>
                </c:pt>
                <c:pt idx="31">
                  <c:v>66</c:v>
                </c:pt>
                <c:pt idx="32">
                  <c:v>67.900000000000006</c:v>
                </c:pt>
                <c:pt idx="33">
                  <c:v>66.8</c:v>
                </c:pt>
                <c:pt idx="34">
                  <c:v>67.099999999999994</c:v>
                </c:pt>
                <c:pt idx="35">
                  <c:v>67.3</c:v>
                </c:pt>
                <c:pt idx="36">
                  <c:v>68.2</c:v>
                </c:pt>
                <c:pt idx="37">
                  <c:v>65.599999999999994</c:v>
                </c:pt>
                <c:pt idx="38">
                  <c:v>67.599999999999994</c:v>
                </c:pt>
                <c:pt idx="39">
                  <c:v>64.7</c:v>
                </c:pt>
                <c:pt idx="40">
                  <c:v>67.099999999999994</c:v>
                </c:pt>
                <c:pt idx="41">
                  <c:v>67</c:v>
                </c:pt>
                <c:pt idx="42">
                  <c:v>66.3</c:v>
                </c:pt>
                <c:pt idx="43">
                  <c:v>70.8</c:v>
                </c:pt>
                <c:pt idx="44">
                  <c:v>69.900000000000006</c:v>
                </c:pt>
                <c:pt idx="45">
                  <c:v>68.900000000000006</c:v>
                </c:pt>
                <c:pt idx="46">
                  <c:v>72.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FDA-4A06-9EF4-453C5C319B6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553793984"/>
        <c:axId val="1553791104"/>
      </c:scatterChart>
      <c:valAx>
        <c:axId val="155379398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1104"/>
        <c:crosses val="autoZero"/>
        <c:crossBetween val="midCat"/>
      </c:valAx>
      <c:valAx>
        <c:axId val="155379110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5379398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chart" Target="../charts/chart4.xml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chart" Target="../charts/chart5.xml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chart" Target="../charts/chart6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5</xdr:col>
      <xdr:colOff>709613</xdr:colOff>
      <xdr:row>5</xdr:row>
      <xdr:rowOff>123825</xdr:rowOff>
    </xdr:from>
    <xdr:ext cx="184731" cy="264560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C4584FFE-98C9-2C61-D8F6-ECC83D0331D7}"/>
            </a:ext>
          </a:extLst>
        </xdr:cNvPr>
        <xdr:cNvSpPr txBox="1"/>
      </xdr:nvSpPr>
      <xdr:spPr>
        <a:xfrm>
          <a:off x="4471988" y="1709738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twoCellAnchor>
    <xdr:from>
      <xdr:col>5</xdr:col>
      <xdr:colOff>4763</xdr:colOff>
      <xdr:row>2</xdr:row>
      <xdr:rowOff>9523</xdr:rowOff>
    </xdr:from>
    <xdr:to>
      <xdr:col>6</xdr:col>
      <xdr:colOff>0</xdr:colOff>
      <xdr:row>11</xdr:row>
      <xdr:rowOff>137585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1E01058F-E27A-9BCF-DB26-12E02690791F}"/>
            </a:ext>
          </a:extLst>
        </xdr:cNvPr>
        <xdr:cNvSpPr txBox="1"/>
      </xdr:nvSpPr>
      <xdr:spPr>
        <a:xfrm>
          <a:off x="4500563" y="776286"/>
          <a:ext cx="4090987" cy="2575987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l">
            <a:lnSpc>
              <a:spcPts val="1800"/>
            </a:lnSpc>
          </a:pPr>
          <a:endParaRPr kumimoji="1" lang="en-US" altLang="ja-JP" sz="1400"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twoCellAnchor>
  <xdr:twoCellAnchor>
    <xdr:from>
      <xdr:col>4</xdr:col>
      <xdr:colOff>504824</xdr:colOff>
      <xdr:row>14</xdr:row>
      <xdr:rowOff>33330</xdr:rowOff>
    </xdr:from>
    <xdr:to>
      <xdr:col>6</xdr:col>
      <xdr:colOff>9524</xdr:colOff>
      <xdr:row>27</xdr:row>
      <xdr:rowOff>209550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A49EC9C8-805B-4FB5-A06F-F15F4C3A0D78}"/>
            </a:ext>
          </a:extLst>
        </xdr:cNvPr>
        <xdr:cNvSpPr txBox="1"/>
      </xdr:nvSpPr>
      <xdr:spPr>
        <a:xfrm>
          <a:off x="4495799" y="4062405"/>
          <a:ext cx="4105275" cy="3619508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en-US" altLang="ja-JP" sz="1600"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twoCellAnchor>
  <xdr:twoCellAnchor>
    <xdr:from>
      <xdr:col>7</xdr:col>
      <xdr:colOff>0</xdr:colOff>
      <xdr:row>14</xdr:row>
      <xdr:rowOff>33330</xdr:rowOff>
    </xdr:from>
    <xdr:to>
      <xdr:col>8</xdr:col>
      <xdr:colOff>0</xdr:colOff>
      <xdr:row>27</xdr:row>
      <xdr:rowOff>209550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456AFD5D-4E2E-4A93-A8A0-02766FBA37B6}"/>
            </a:ext>
          </a:extLst>
        </xdr:cNvPr>
        <xdr:cNvSpPr txBox="1"/>
      </xdr:nvSpPr>
      <xdr:spPr>
        <a:xfrm>
          <a:off x="9020175" y="4062405"/>
          <a:ext cx="3471863" cy="3619508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l">
            <a:lnSpc>
              <a:spcPts val="1800"/>
            </a:lnSpc>
          </a:pPr>
          <a:endParaRPr kumimoji="1" lang="en-US" altLang="ja-JP" sz="1400"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twoCellAnchor>
  <xdr:twoCellAnchor>
    <xdr:from>
      <xdr:col>6</xdr:col>
      <xdr:colOff>419100</xdr:colOff>
      <xdr:row>2</xdr:row>
      <xdr:rowOff>4759</xdr:rowOff>
    </xdr:from>
    <xdr:to>
      <xdr:col>7</xdr:col>
      <xdr:colOff>3462337</xdr:colOff>
      <xdr:row>11</xdr:row>
      <xdr:rowOff>138112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4878FE9A-5CF4-49C8-8751-3D96DFA644C2}"/>
            </a:ext>
          </a:extLst>
        </xdr:cNvPr>
        <xdr:cNvSpPr txBox="1"/>
      </xdr:nvSpPr>
      <xdr:spPr>
        <a:xfrm>
          <a:off x="9010650" y="771522"/>
          <a:ext cx="3471862" cy="2581278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l">
            <a:lnSpc>
              <a:spcPts val="1800"/>
            </a:lnSpc>
          </a:pPr>
          <a:endParaRPr kumimoji="1" lang="en-US" altLang="ja-JP" sz="1400"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twoCellAnchor>
  <xdr:twoCellAnchor>
    <xdr:from>
      <xdr:col>0</xdr:col>
      <xdr:colOff>9526</xdr:colOff>
      <xdr:row>2</xdr:row>
      <xdr:rowOff>9522</xdr:rowOff>
    </xdr:from>
    <xdr:to>
      <xdr:col>3</xdr:col>
      <xdr:colOff>876301</xdr:colOff>
      <xdr:row>4</xdr:row>
      <xdr:rowOff>133350</xdr:rowOff>
    </xdr:to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B5B8C261-4953-4CDC-A2F4-6BB422D50E3B}"/>
            </a:ext>
          </a:extLst>
        </xdr:cNvPr>
        <xdr:cNvSpPr txBox="1"/>
      </xdr:nvSpPr>
      <xdr:spPr>
        <a:xfrm>
          <a:off x="9526" y="776285"/>
          <a:ext cx="3976688" cy="666753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l">
            <a:lnSpc>
              <a:spcPts val="1800"/>
            </a:lnSpc>
          </a:pPr>
          <a:endParaRPr kumimoji="1" lang="en-US" altLang="ja-JP" sz="1400"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8100</xdr:colOff>
      <xdr:row>2</xdr:row>
      <xdr:rowOff>22225</xdr:rowOff>
    </xdr:from>
    <xdr:to>
      <xdr:col>6</xdr:col>
      <xdr:colOff>444500</xdr:colOff>
      <xdr:row>14</xdr:row>
      <xdr:rowOff>15875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4765A9E7-EE0A-D22E-AB95-4001582FDB8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8100</xdr:colOff>
      <xdr:row>2</xdr:row>
      <xdr:rowOff>22225</xdr:rowOff>
    </xdr:from>
    <xdr:to>
      <xdr:col>6</xdr:col>
      <xdr:colOff>444500</xdr:colOff>
      <xdr:row>14</xdr:row>
      <xdr:rowOff>15875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023A23B9-3693-44A3-A0A8-6A22902D4BA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8100</xdr:colOff>
      <xdr:row>2</xdr:row>
      <xdr:rowOff>22225</xdr:rowOff>
    </xdr:from>
    <xdr:to>
      <xdr:col>6</xdr:col>
      <xdr:colOff>444500</xdr:colOff>
      <xdr:row>14</xdr:row>
      <xdr:rowOff>15875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43A18DA1-7092-4F0D-8ECD-E3610222803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8100</xdr:colOff>
      <xdr:row>2</xdr:row>
      <xdr:rowOff>22225</xdr:rowOff>
    </xdr:from>
    <xdr:to>
      <xdr:col>6</xdr:col>
      <xdr:colOff>444500</xdr:colOff>
      <xdr:row>14</xdr:row>
      <xdr:rowOff>15875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DB8835B6-7535-48C7-86F0-05556C344FF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8100</xdr:colOff>
      <xdr:row>2</xdr:row>
      <xdr:rowOff>22225</xdr:rowOff>
    </xdr:from>
    <xdr:to>
      <xdr:col>6</xdr:col>
      <xdr:colOff>444500</xdr:colOff>
      <xdr:row>14</xdr:row>
      <xdr:rowOff>15875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ACE99F11-34CB-45D1-AABA-F2F2C33A0AF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8100</xdr:colOff>
      <xdr:row>2</xdr:row>
      <xdr:rowOff>22225</xdr:rowOff>
    </xdr:from>
    <xdr:to>
      <xdr:col>6</xdr:col>
      <xdr:colOff>444500</xdr:colOff>
      <xdr:row>14</xdr:row>
      <xdr:rowOff>15875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F267031B-2D59-411D-8A51-1D77AF52040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45F82"/>
      </a:accent1>
      <a:accent2>
        <a:srgbClr val="E87331"/>
      </a:accent2>
      <a:accent3>
        <a:srgbClr val="186C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hyperlink" Target="https://www.nstac.go.jp/use/literacy/ssdse/?doing_wp_cron=1755497202.7390279769897460937500" TargetMode="External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hyperlink" Target="https://www.nstac.go.jp/use/literacy/ssdse/?doing_wp_cron=1755497202.7390279769897460937500" TargetMode="External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hyperlink" Target="https://www.nstac.go.jp/use/literacy/ssdse/?doing_wp_cron=1755497202.7390279769897460937500" TargetMode="External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3.bin"/><Relationship Id="rId1" Type="http://schemas.openxmlformats.org/officeDocument/2006/relationships/hyperlink" Target="https://www.nstac.go.jp/use/literacy/ssdse/?doing_wp_cron=1755497202.7390279769897460937500" TargetMode="External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hyperlink" Target="https://www.nstac.go.jp/use/literacy/ssdse/?doing_wp_cron=1755497202.7390279769897460937500" TargetMode="Externa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hyperlink" Target="https://www.nstac.go.jp/use/literacy/ssdse/?doing_wp_cron=1755497202.7390279769897460937500" TargetMode="External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https://www.nstac.go.jp/use/literacy/ssdse/?doing_wp_cron=1755497202.7390279769897460937500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1AF40B-5BE5-4173-BC52-83A70ABD6569}">
  <sheetPr>
    <tabColor theme="8" tint="0.39997558519241921"/>
  </sheetPr>
  <dimension ref="A1:H29"/>
  <sheetViews>
    <sheetView tabSelected="1" view="pageBreakPreview" zoomScale="80" zoomScaleNormal="80" zoomScaleSheetLayoutView="80" workbookViewId="0">
      <selection activeCell="C15" sqref="C15"/>
    </sheetView>
  </sheetViews>
  <sheetFormatPr defaultRowHeight="17.649999999999999" x14ac:dyDescent="0.7"/>
  <cols>
    <col min="1" max="1" width="9.625" style="12" customWidth="1"/>
    <col min="2" max="2" width="20.625" style="12" customWidth="1"/>
    <col min="3" max="3" width="10.5625" style="12" customWidth="1"/>
    <col min="4" max="4" width="11.5625" style="12" customWidth="1"/>
    <col min="5" max="5" width="6.625" customWidth="1"/>
    <col min="6" max="6" width="53.75" customWidth="1"/>
    <col min="7" max="7" width="5.625" customWidth="1"/>
    <col min="8" max="8" width="45.5625" customWidth="1"/>
  </cols>
  <sheetData>
    <row r="1" spans="1:8" s="1" customFormat="1" ht="39" customHeight="1" x14ac:dyDescent="0.2">
      <c r="A1" s="21" t="s">
        <v>97</v>
      </c>
      <c r="B1" s="24"/>
      <c r="C1" s="24"/>
      <c r="D1" s="24"/>
      <c r="E1" s="23"/>
      <c r="F1" s="33" t="s">
        <v>210</v>
      </c>
    </row>
    <row r="2" spans="1:8" ht="21.4" x14ac:dyDescent="0.7">
      <c r="A2" s="19" t="s">
        <v>216</v>
      </c>
      <c r="E2" s="11"/>
      <c r="F2" s="19" t="s">
        <v>218</v>
      </c>
      <c r="H2" s="19" t="s">
        <v>220</v>
      </c>
    </row>
    <row r="3" spans="1:8" ht="21.4" x14ac:dyDescent="0.7">
      <c r="E3" s="11"/>
      <c r="F3" s="31"/>
    </row>
    <row r="4" spans="1:8" ht="21.4" x14ac:dyDescent="0.7">
      <c r="E4" s="11"/>
    </row>
    <row r="5" spans="1:8" ht="21.4" x14ac:dyDescent="0.7">
      <c r="E5" s="11"/>
    </row>
    <row r="6" spans="1:8" ht="21.75" thickBot="1" x14ac:dyDescent="0.75">
      <c r="A6" s="19" t="s">
        <v>217</v>
      </c>
      <c r="E6" s="11"/>
    </row>
    <row r="7" spans="1:8" ht="21.4" x14ac:dyDescent="0.7">
      <c r="A7" s="36" t="s">
        <v>94</v>
      </c>
      <c r="B7" s="37" t="s">
        <v>92</v>
      </c>
      <c r="C7" s="38" t="s">
        <v>211</v>
      </c>
      <c r="D7" s="40" t="s">
        <v>212</v>
      </c>
      <c r="E7" s="11"/>
    </row>
    <row r="8" spans="1:8" ht="21.4" x14ac:dyDescent="0.7">
      <c r="A8" s="14" t="s">
        <v>96</v>
      </c>
      <c r="B8" s="13" t="s">
        <v>93</v>
      </c>
      <c r="C8" s="34">
        <v>0.1</v>
      </c>
      <c r="D8" s="15" t="s">
        <v>213</v>
      </c>
      <c r="E8" s="11"/>
    </row>
    <row r="9" spans="1:8" ht="21.4" x14ac:dyDescent="0.7">
      <c r="A9" s="14" t="s">
        <v>95</v>
      </c>
      <c r="B9" s="13"/>
      <c r="C9" s="34"/>
      <c r="D9" s="15"/>
      <c r="E9" s="11"/>
    </row>
    <row r="10" spans="1:8" ht="21.4" x14ac:dyDescent="0.7">
      <c r="A10" s="14"/>
      <c r="B10" s="13"/>
      <c r="C10" s="34"/>
      <c r="D10" s="15"/>
      <c r="E10" s="11"/>
    </row>
    <row r="11" spans="1:8" ht="21.6" customHeight="1" x14ac:dyDescent="0.7">
      <c r="A11" s="14"/>
      <c r="B11" s="13"/>
      <c r="C11" s="34"/>
      <c r="D11" s="15"/>
      <c r="E11" s="11"/>
      <c r="F11" s="20"/>
    </row>
    <row r="12" spans="1:8" ht="21.4" x14ac:dyDescent="0.7">
      <c r="A12" s="14"/>
      <c r="B12" s="13"/>
      <c r="C12" s="34"/>
      <c r="D12" s="15"/>
      <c r="E12" s="11"/>
    </row>
    <row r="13" spans="1:8" ht="21.4" x14ac:dyDescent="0.7">
      <c r="A13" s="14"/>
      <c r="B13" s="13"/>
      <c r="C13" s="34"/>
      <c r="D13" s="15"/>
      <c r="E13" s="11"/>
      <c r="F13" s="20" t="s">
        <v>219</v>
      </c>
      <c r="H13" s="19" t="s">
        <v>221</v>
      </c>
    </row>
    <row r="14" spans="1:8" ht="21.4" x14ac:dyDescent="0.7">
      <c r="A14" s="14"/>
      <c r="B14" s="13"/>
      <c r="C14" s="34"/>
      <c r="D14" s="15"/>
      <c r="E14" s="11"/>
      <c r="F14" s="20" t="s">
        <v>209</v>
      </c>
      <c r="H14" s="19" t="s">
        <v>215</v>
      </c>
    </row>
    <row r="15" spans="1:8" ht="21.4" x14ac:dyDescent="0.7">
      <c r="A15" s="14"/>
      <c r="B15" s="13"/>
      <c r="C15" s="34"/>
      <c r="D15" s="15"/>
      <c r="E15" s="11"/>
    </row>
    <row r="16" spans="1:8" ht="21.4" x14ac:dyDescent="0.7">
      <c r="A16" s="14"/>
      <c r="B16" s="13"/>
      <c r="C16" s="34"/>
      <c r="D16" s="15"/>
      <c r="E16" s="11"/>
    </row>
    <row r="17" spans="1:5" ht="21.75" customHeight="1" x14ac:dyDescent="0.7">
      <c r="A17" s="14"/>
      <c r="B17" s="13"/>
      <c r="C17" s="34"/>
      <c r="D17" s="15"/>
    </row>
    <row r="18" spans="1:5" ht="21.4" x14ac:dyDescent="0.7">
      <c r="A18" s="14"/>
      <c r="B18" s="13"/>
      <c r="C18" s="34"/>
      <c r="D18" s="15"/>
    </row>
    <row r="19" spans="1:5" ht="21.4" x14ac:dyDescent="0.7">
      <c r="A19" s="14"/>
      <c r="B19" s="13"/>
      <c r="C19" s="34"/>
      <c r="D19" s="15"/>
    </row>
    <row r="20" spans="1:5" ht="21.4" x14ac:dyDescent="0.7">
      <c r="A20" s="14"/>
      <c r="B20" s="13"/>
      <c r="C20" s="34"/>
      <c r="D20" s="15"/>
    </row>
    <row r="21" spans="1:5" ht="21.4" x14ac:dyDescent="0.7">
      <c r="A21" s="14"/>
      <c r="B21" s="13"/>
      <c r="C21" s="34"/>
      <c r="D21" s="15"/>
    </row>
    <row r="22" spans="1:5" ht="21.75" thickBot="1" x14ac:dyDescent="0.75">
      <c r="A22" s="16"/>
      <c r="B22" s="17"/>
      <c r="C22" s="35"/>
      <c r="D22" s="18"/>
    </row>
    <row r="23" spans="1:5" ht="21.6" customHeight="1" x14ac:dyDescent="0.7">
      <c r="A23" s="42" t="s">
        <v>214</v>
      </c>
      <c r="B23" s="42"/>
      <c r="C23" s="39"/>
      <c r="D23" s="39"/>
      <c r="E23" s="39"/>
    </row>
    <row r="24" spans="1:5" x14ac:dyDescent="0.7">
      <c r="A24" s="42"/>
      <c r="B24" s="42"/>
      <c r="C24" s="39"/>
      <c r="D24" s="39"/>
      <c r="E24" s="39"/>
    </row>
    <row r="25" spans="1:5" ht="21.6" customHeight="1" x14ac:dyDescent="0.7">
      <c r="A25" s="42"/>
      <c r="B25" s="42"/>
      <c r="C25" s="39"/>
      <c r="D25" s="39"/>
      <c r="E25" s="39"/>
    </row>
    <row r="26" spans="1:5" ht="21.6" customHeight="1" x14ac:dyDescent="0.7">
      <c r="A26" s="42"/>
      <c r="B26" s="42"/>
      <c r="C26" s="39"/>
      <c r="D26" s="39"/>
      <c r="E26" s="39"/>
    </row>
    <row r="27" spans="1:5" ht="17.649999999999999" customHeight="1" x14ac:dyDescent="0.7">
      <c r="A27" s="41" t="s">
        <v>189</v>
      </c>
      <c r="B27" s="41"/>
      <c r="C27" s="41"/>
      <c r="D27" s="41"/>
      <c r="E27" s="41"/>
    </row>
    <row r="28" spans="1:5" x14ac:dyDescent="0.7">
      <c r="A28" s="41"/>
      <c r="B28" s="41"/>
      <c r="C28" s="41"/>
      <c r="D28" s="41"/>
      <c r="E28" s="41"/>
    </row>
    <row r="29" spans="1:5" x14ac:dyDescent="0.7">
      <c r="A29" s="41"/>
      <c r="B29" s="41"/>
      <c r="C29" s="41"/>
      <c r="D29" s="41"/>
      <c r="E29" s="41"/>
    </row>
  </sheetData>
  <mergeCells count="2">
    <mergeCell ref="A27:E29"/>
    <mergeCell ref="A23:B26"/>
  </mergeCells>
  <phoneticPr fontId="1"/>
  <conditionalFormatting sqref="A9:D9">
    <cfRule type="expression" dxfId="1" priority="2">
      <formula>$D$9="負"</formula>
    </cfRule>
    <cfRule type="expression" dxfId="0" priority="3">
      <formula>$D$9="正"</formula>
    </cfRule>
  </conditionalFormatting>
  <dataValidations count="1">
    <dataValidation type="list" allowBlank="1" showInputMessage="1" showErrorMessage="1" promptTitle="自分" sqref="A8:A22" xr:uid="{B624D983-B6A5-433B-A878-0A9D232B1038}">
      <formula1>"自分, ＡＩ"</formula1>
    </dataValidation>
  </dataValidations>
  <pageMargins left="0.70866141732283472" right="0.51181102362204722" top="0.74803149606299213" bottom="0.55118110236220474" header="0.31496062992125984" footer="0.31496062992125984"/>
  <pageSetup paperSize="9" scale="74" orientation="landscape" r:id="rId1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ACEC3CE-684E-4DD1-9B4B-7FBE3A4DE6AD}">
  <sheetPr>
    <tabColor theme="6" tint="0.39997558519241921"/>
  </sheetPr>
  <dimension ref="A1:Y48"/>
  <sheetViews>
    <sheetView workbookViewId="0"/>
  </sheetViews>
  <sheetFormatPr defaultRowHeight="17.649999999999999" x14ac:dyDescent="0.7"/>
  <cols>
    <col min="1" max="22" width="8.75" style="1"/>
  </cols>
  <sheetData>
    <row r="1" spans="1:25" x14ac:dyDescent="0.7">
      <c r="B1" s="28" t="s">
        <v>88</v>
      </c>
      <c r="C1" s="28" t="s">
        <v>10</v>
      </c>
      <c r="D1" s="28" t="s">
        <v>11</v>
      </c>
      <c r="E1" s="28" t="s">
        <v>12</v>
      </c>
      <c r="F1" s="28" t="s">
        <v>13</v>
      </c>
      <c r="G1" s="28" t="s">
        <v>14</v>
      </c>
      <c r="H1" s="28" t="s">
        <v>15</v>
      </c>
      <c r="I1" s="28" t="s">
        <v>16</v>
      </c>
      <c r="J1" s="28" t="s">
        <v>128</v>
      </c>
      <c r="K1" s="28" t="s">
        <v>86</v>
      </c>
      <c r="L1" s="28" t="s">
        <v>87</v>
      </c>
      <c r="M1" s="28" t="s">
        <v>17</v>
      </c>
      <c r="N1" s="28" t="s">
        <v>18</v>
      </c>
      <c r="O1" s="28" t="s">
        <v>19</v>
      </c>
      <c r="P1" s="28" t="s">
        <v>20</v>
      </c>
      <c r="Q1" s="28" t="s">
        <v>21</v>
      </c>
      <c r="R1" s="28" t="s">
        <v>22</v>
      </c>
      <c r="S1" s="28" t="s">
        <v>23</v>
      </c>
      <c r="T1" s="28" t="s">
        <v>24</v>
      </c>
      <c r="U1" s="28" t="s">
        <v>25</v>
      </c>
      <c r="V1" s="28" t="s">
        <v>26</v>
      </c>
    </row>
    <row r="2" spans="1:25" x14ac:dyDescent="0.7">
      <c r="A2" s="1" t="s">
        <v>30</v>
      </c>
      <c r="B2" s="28">
        <v>424.43833464257659</v>
      </c>
      <c r="C2" s="28">
        <v>41.743912018853102</v>
      </c>
      <c r="D2" s="28">
        <v>20.121759622937944</v>
      </c>
      <c r="E2" s="28">
        <v>4.996072270227808</v>
      </c>
      <c r="F2" s="28">
        <v>100.95640219952868</v>
      </c>
      <c r="G2" s="28">
        <v>54.446190102120973</v>
      </c>
      <c r="H2" s="28">
        <v>36.580911233307148</v>
      </c>
      <c r="I2" s="28">
        <v>39.171249018067556</v>
      </c>
      <c r="J2" s="28">
        <v>0.65003927729772193</v>
      </c>
      <c r="K2" s="28">
        <v>1.8656716417910448</v>
      </c>
      <c r="L2" s="28">
        <v>1.105655930871956</v>
      </c>
      <c r="M2" s="28">
        <v>0.53024351924587587</v>
      </c>
      <c r="N2" s="28">
        <v>7.2663000785545953E-2</v>
      </c>
      <c r="O2" s="28">
        <v>0.32403770620581307</v>
      </c>
      <c r="P2" s="28">
        <v>7.3212882953652789</v>
      </c>
      <c r="Q2" s="28">
        <v>2.2604084838963079</v>
      </c>
      <c r="R2" s="28">
        <v>3.7313432835820899E-2</v>
      </c>
      <c r="S2" s="28">
        <v>2712.4901806755697</v>
      </c>
      <c r="T2" s="28">
        <v>71.704634721131185</v>
      </c>
      <c r="U2" s="28">
        <v>43.538884524744695</v>
      </c>
      <c r="V2" s="28">
        <v>0.91319717203456396</v>
      </c>
      <c r="X2" s="25" t="s">
        <v>115</v>
      </c>
    </row>
    <row r="3" spans="1:25" x14ac:dyDescent="0.7">
      <c r="A3" s="1" t="s">
        <v>31</v>
      </c>
      <c r="B3" s="28">
        <v>465.48141891891896</v>
      </c>
      <c r="C3" s="28">
        <v>47.652027027027032</v>
      </c>
      <c r="D3" s="28">
        <v>22.761824324324326</v>
      </c>
      <c r="E3" s="28">
        <v>3.2939189189189189</v>
      </c>
      <c r="F3" s="28">
        <v>119.0625</v>
      </c>
      <c r="G3" s="28">
        <v>57.052364864864863</v>
      </c>
      <c r="H3" s="28">
        <v>50.489864864864863</v>
      </c>
      <c r="I3" s="28">
        <v>43.17567567567567</v>
      </c>
      <c r="J3" s="28">
        <v>0.71790540540540537</v>
      </c>
      <c r="K3" s="28">
        <v>2.1030405405405408</v>
      </c>
      <c r="L3" s="28">
        <v>1.2922297297297296</v>
      </c>
      <c r="M3" s="28">
        <v>0.53209459459459452</v>
      </c>
      <c r="N3" s="28">
        <v>8.4459459459459457E-2</v>
      </c>
      <c r="O3" s="28">
        <v>0.29560810810810811</v>
      </c>
      <c r="P3" s="28">
        <v>5.8868243243243237</v>
      </c>
      <c r="Q3" s="28">
        <v>1.5033783783783783</v>
      </c>
      <c r="R3" s="28">
        <v>5.9121621621621621E-2</v>
      </c>
      <c r="S3" s="28">
        <v>2948.47972972973</v>
      </c>
      <c r="T3" s="28">
        <v>90.059121621621614</v>
      </c>
      <c r="U3" s="28">
        <v>47.043918918918912</v>
      </c>
      <c r="V3" s="28">
        <v>0.61655405405405406</v>
      </c>
      <c r="X3" s="25" t="s">
        <v>118</v>
      </c>
    </row>
    <row r="4" spans="1:25" x14ac:dyDescent="0.7">
      <c r="A4" s="1" t="s">
        <v>32</v>
      </c>
      <c r="B4" s="28">
        <v>469.45829750644879</v>
      </c>
      <c r="C4" s="28">
        <v>45.503009458297505</v>
      </c>
      <c r="D4" s="28">
        <v>29.948409286328459</v>
      </c>
      <c r="E4" s="28">
        <v>3.7231298366294068</v>
      </c>
      <c r="F4" s="28">
        <v>117.60963026655202</v>
      </c>
      <c r="G4" s="28">
        <v>52.08942390369733</v>
      </c>
      <c r="H4" s="28">
        <v>46.861564918314699</v>
      </c>
      <c r="I4" s="28">
        <v>42.742906276870158</v>
      </c>
      <c r="J4" s="28">
        <v>0.55030094582975064</v>
      </c>
      <c r="K4" s="28">
        <v>2.3301805674978504</v>
      </c>
      <c r="L4" s="28">
        <v>1.2811693895098883</v>
      </c>
      <c r="M4" s="28">
        <v>0.67927773000859848</v>
      </c>
      <c r="N4" s="28">
        <v>5.1590713671539119E-2</v>
      </c>
      <c r="O4" s="28">
        <v>0.40412725709372316</v>
      </c>
      <c r="P4" s="28">
        <v>7.4548581255374042</v>
      </c>
      <c r="Q4" s="28">
        <v>1.4359415305245056</v>
      </c>
      <c r="R4" s="28">
        <v>6.878761822871883E-2</v>
      </c>
      <c r="S4" s="28">
        <v>2879.6216680997422</v>
      </c>
      <c r="T4" s="28">
        <v>89.716251074806536</v>
      </c>
      <c r="U4" s="28">
        <v>41.006018916595011</v>
      </c>
      <c r="V4" s="28">
        <v>0.66208082545141878</v>
      </c>
      <c r="X4" s="25" t="s">
        <v>119</v>
      </c>
    </row>
    <row r="5" spans="1:25" x14ac:dyDescent="0.7">
      <c r="A5" s="1" t="s">
        <v>33</v>
      </c>
      <c r="B5" s="28">
        <v>420.95848056537102</v>
      </c>
      <c r="C5" s="28">
        <v>46.192579505300358</v>
      </c>
      <c r="D5" s="28">
        <v>22.469081272084804</v>
      </c>
      <c r="E5" s="28">
        <v>5.0574204946996471</v>
      </c>
      <c r="F5" s="28">
        <v>110.44169611307422</v>
      </c>
      <c r="G5" s="28">
        <v>45.521201413427562</v>
      </c>
      <c r="H5" s="28">
        <v>36.651943462897528</v>
      </c>
      <c r="I5" s="28">
        <v>35.848056537102472</v>
      </c>
      <c r="J5" s="28">
        <v>0.91872791519434638</v>
      </c>
      <c r="K5" s="28">
        <v>1.5945229681978799</v>
      </c>
      <c r="L5" s="28">
        <v>0.88339222614840984</v>
      </c>
      <c r="M5" s="28">
        <v>0.42402826855123676</v>
      </c>
      <c r="N5" s="28">
        <v>6.1837455830388688E-2</v>
      </c>
      <c r="O5" s="28">
        <v>0.15459363957597172</v>
      </c>
      <c r="P5" s="28">
        <v>3.7279151943462896</v>
      </c>
      <c r="Q5" s="28">
        <v>1.9832155477031801</v>
      </c>
      <c r="R5" s="28">
        <v>4.8586572438162542E-2</v>
      </c>
      <c r="S5" s="28">
        <v>2606.4487632508831</v>
      </c>
      <c r="T5" s="28">
        <v>73.621908127208485</v>
      </c>
      <c r="U5" s="28">
        <v>37.031802120141343</v>
      </c>
      <c r="V5" s="28">
        <v>0.47703180212014135</v>
      </c>
      <c r="X5" s="29"/>
      <c r="Y5" s="25" t="s">
        <v>127</v>
      </c>
    </row>
    <row r="6" spans="1:25" x14ac:dyDescent="0.7">
      <c r="A6" s="1" t="s">
        <v>34</v>
      </c>
      <c r="B6" s="28">
        <v>491.06126914660831</v>
      </c>
      <c r="C6" s="28">
        <v>53.140043763676147</v>
      </c>
      <c r="D6" s="28">
        <v>34.212253829321661</v>
      </c>
      <c r="E6" s="28">
        <v>3.0853391684901532</v>
      </c>
      <c r="F6" s="28">
        <v>124.37636761487965</v>
      </c>
      <c r="G6" s="28">
        <v>54.442013129102847</v>
      </c>
      <c r="H6" s="28">
        <v>57.603938730853393</v>
      </c>
      <c r="I6" s="28">
        <v>42.133479212253825</v>
      </c>
      <c r="J6" s="28">
        <v>0.35010940919037203</v>
      </c>
      <c r="K6" s="28">
        <v>1.9037199124726476</v>
      </c>
      <c r="L6" s="28">
        <v>1.1378555798687089</v>
      </c>
      <c r="M6" s="28">
        <v>0.56892778993435444</v>
      </c>
      <c r="N6" s="28">
        <v>7.6586433260393869E-2</v>
      </c>
      <c r="O6" s="28">
        <v>0.53610503282275712</v>
      </c>
      <c r="P6" s="28">
        <v>9.3763676148796495</v>
      </c>
      <c r="Q6" s="28">
        <v>2.1553610503282274</v>
      </c>
      <c r="R6" s="28">
        <v>4.3763676148796504E-2</v>
      </c>
      <c r="S6" s="28">
        <v>3115.9737417943106</v>
      </c>
      <c r="T6" s="28">
        <v>96.24726477024069</v>
      </c>
      <c r="U6" s="28">
        <v>42.757111597374184</v>
      </c>
      <c r="V6" s="28">
        <v>0.53610503282275712</v>
      </c>
      <c r="X6" s="27" t="s">
        <v>125</v>
      </c>
    </row>
    <row r="7" spans="1:25" x14ac:dyDescent="0.7">
      <c r="A7" s="1" t="s">
        <v>35</v>
      </c>
      <c r="B7" s="28">
        <v>508.19688109161791</v>
      </c>
      <c r="C7" s="28">
        <v>55.945419103313839</v>
      </c>
      <c r="D7" s="28">
        <v>44.005847953216374</v>
      </c>
      <c r="E7" s="28">
        <v>3.2748538011695905</v>
      </c>
      <c r="F7" s="28">
        <v>124.68810916179338</v>
      </c>
      <c r="G7" s="28">
        <v>58.771929824561404</v>
      </c>
      <c r="H7" s="28">
        <v>54.571150097465882</v>
      </c>
      <c r="I7" s="28">
        <v>40.838206627680314</v>
      </c>
      <c r="J7" s="28">
        <v>0.53606237816764135</v>
      </c>
      <c r="K7" s="28">
        <v>2.1734892787524367</v>
      </c>
      <c r="L7" s="28">
        <v>0.91617933723196876</v>
      </c>
      <c r="M7" s="28">
        <v>0.58479532163742698</v>
      </c>
      <c r="N7" s="28">
        <v>6.8226120857699801E-2</v>
      </c>
      <c r="O7" s="28">
        <v>0.38986354775828463</v>
      </c>
      <c r="P7" s="28">
        <v>6.3157894736842106</v>
      </c>
      <c r="Q7" s="28">
        <v>2.4269005847953218</v>
      </c>
      <c r="R7" s="28">
        <v>9.7465886939571159E-2</v>
      </c>
      <c r="S7" s="28">
        <v>2861.5984405458089</v>
      </c>
      <c r="T7" s="28">
        <v>97.027290448343081</v>
      </c>
      <c r="U7" s="28">
        <v>46.764132553606238</v>
      </c>
      <c r="V7" s="28">
        <v>0.51656920077972712</v>
      </c>
    </row>
    <row r="8" spans="1:25" x14ac:dyDescent="0.7">
      <c r="A8" s="1" t="s">
        <v>36</v>
      </c>
      <c r="B8" s="28">
        <v>462.23542727787213</v>
      </c>
      <c r="C8" s="28">
        <v>56.519524617996602</v>
      </c>
      <c r="D8" s="28">
        <v>36.100735710243349</v>
      </c>
      <c r="E8" s="28">
        <v>3.118279569892473</v>
      </c>
      <c r="F8" s="28">
        <v>113.04470854555744</v>
      </c>
      <c r="G8" s="28">
        <v>51.024335031126199</v>
      </c>
      <c r="H8" s="28">
        <v>43.089983022071308</v>
      </c>
      <c r="I8" s="28">
        <v>36.80249009620826</v>
      </c>
      <c r="J8" s="28">
        <v>1.1714770797962648</v>
      </c>
      <c r="K8" s="28">
        <v>2.2071307300509337</v>
      </c>
      <c r="L8" s="28">
        <v>1.1997736276174307</v>
      </c>
      <c r="M8" s="28">
        <v>0.54895302773061683</v>
      </c>
      <c r="N8" s="28">
        <v>4.5274476513865312E-2</v>
      </c>
      <c r="O8" s="28">
        <v>0.40181097906055463</v>
      </c>
      <c r="P8" s="28">
        <v>7.1760045274476516</v>
      </c>
      <c r="Q8" s="28">
        <v>2.1222410865874362</v>
      </c>
      <c r="R8" s="28">
        <v>3.9615166949632144E-2</v>
      </c>
      <c r="S8" s="28">
        <v>2809.8471986417658</v>
      </c>
      <c r="T8" s="28">
        <v>86.078098471986422</v>
      </c>
      <c r="U8" s="28">
        <v>37.900396151669497</v>
      </c>
      <c r="V8" s="28">
        <v>0.57159026598754947</v>
      </c>
    </row>
    <row r="9" spans="1:25" x14ac:dyDescent="0.7">
      <c r="A9" s="1" t="s">
        <v>37</v>
      </c>
      <c r="B9" s="28">
        <v>384.43185840707969</v>
      </c>
      <c r="C9" s="28">
        <v>49.571681415929199</v>
      </c>
      <c r="D9" s="28">
        <v>34.782300884955752</v>
      </c>
      <c r="E9" s="28">
        <v>2.9946902654867258</v>
      </c>
      <c r="F9" s="28">
        <v>93.405309734513281</v>
      </c>
      <c r="G9" s="28">
        <v>39.292035398230091</v>
      </c>
      <c r="H9" s="28">
        <v>36.906194690265487</v>
      </c>
      <c r="I9" s="28">
        <v>28.746902654867256</v>
      </c>
      <c r="J9" s="28">
        <v>0.69380530973451326</v>
      </c>
      <c r="K9" s="28">
        <v>1.5893805309734514</v>
      </c>
      <c r="L9" s="28">
        <v>0.79292035398230087</v>
      </c>
      <c r="M9" s="28">
        <v>0.42123893805309737</v>
      </c>
      <c r="N9" s="28">
        <v>3.8938053097345132E-2</v>
      </c>
      <c r="O9" s="28">
        <v>0.23716814159292035</v>
      </c>
      <c r="P9" s="28">
        <v>4.0991150442477871</v>
      </c>
      <c r="Q9" s="28">
        <v>2.4991150442477874</v>
      </c>
      <c r="R9" s="28">
        <v>3.8938053097345132E-2</v>
      </c>
      <c r="S9" s="28">
        <v>2915.0442477876104</v>
      </c>
      <c r="T9" s="28">
        <v>70.661946902654861</v>
      </c>
      <c r="U9" s="28">
        <v>32.601769911504427</v>
      </c>
      <c r="V9" s="28">
        <v>0.54159292035398232</v>
      </c>
    </row>
    <row r="10" spans="1:25" x14ac:dyDescent="0.7">
      <c r="A10" s="1" t="s">
        <v>38</v>
      </c>
      <c r="B10" s="28">
        <v>422.04533473906167</v>
      </c>
      <c r="C10" s="28">
        <v>46.262519768054823</v>
      </c>
      <c r="D10" s="28">
        <v>42.509225092250922</v>
      </c>
      <c r="E10" s="28">
        <v>2.7358987875593042</v>
      </c>
      <c r="F10" s="28">
        <v>103.17343173431733</v>
      </c>
      <c r="G10" s="28">
        <v>47.965208223510807</v>
      </c>
      <c r="H10" s="28">
        <v>38.824459673168164</v>
      </c>
      <c r="I10" s="28">
        <v>33.842909857670001</v>
      </c>
      <c r="J10" s="28">
        <v>0.39008961518186608</v>
      </c>
      <c r="K10" s="28">
        <v>1.7712177121771218</v>
      </c>
      <c r="L10" s="28">
        <v>0.82235108065366358</v>
      </c>
      <c r="M10" s="28">
        <v>0.40063257775434896</v>
      </c>
      <c r="N10" s="28">
        <v>4.7443331576172906E-2</v>
      </c>
      <c r="O10" s="28">
        <v>0.28993147074327885</v>
      </c>
      <c r="P10" s="28">
        <v>4.9077490774907755</v>
      </c>
      <c r="Q10" s="28">
        <v>2.999472851871376</v>
      </c>
      <c r="R10" s="28">
        <v>4.2171850289931472E-2</v>
      </c>
      <c r="S10" s="28">
        <v>2924.0906694781233</v>
      </c>
      <c r="T10" s="28">
        <v>76.731681602530315</v>
      </c>
      <c r="U10" s="28">
        <v>38.492356352134948</v>
      </c>
      <c r="V10" s="28">
        <v>0.47970479704797048</v>
      </c>
    </row>
    <row r="11" spans="1:25" x14ac:dyDescent="0.7">
      <c r="A11" s="1" t="s">
        <v>39</v>
      </c>
      <c r="B11" s="28">
        <v>446.9137749737119</v>
      </c>
      <c r="C11" s="28">
        <v>49.547844374342802</v>
      </c>
      <c r="D11" s="28">
        <v>51.193480546792848</v>
      </c>
      <c r="E11" s="28">
        <v>3.1440588853838065</v>
      </c>
      <c r="F11" s="28">
        <v>103.69085173501578</v>
      </c>
      <c r="G11" s="28">
        <v>46.708727655099892</v>
      </c>
      <c r="H11" s="28">
        <v>39.831756046267081</v>
      </c>
      <c r="I11" s="28">
        <v>37.697160883280752</v>
      </c>
      <c r="J11" s="28">
        <v>0.58359621451104104</v>
      </c>
      <c r="K11" s="28">
        <v>1.5930599369085174</v>
      </c>
      <c r="L11" s="28">
        <v>0.84121976866456372</v>
      </c>
      <c r="M11" s="28">
        <v>0.40483701366982122</v>
      </c>
      <c r="N11" s="28">
        <v>7.8864353312302848E-2</v>
      </c>
      <c r="O11" s="28">
        <v>0.29442691903259727</v>
      </c>
      <c r="P11" s="28">
        <v>6.1724500525762354</v>
      </c>
      <c r="Q11" s="28">
        <v>2.8286014721345953</v>
      </c>
      <c r="R11" s="28">
        <v>4.2060988433228183E-2</v>
      </c>
      <c r="S11" s="28">
        <v>2997.8969505783389</v>
      </c>
      <c r="T11" s="28">
        <v>76.866456361724502</v>
      </c>
      <c r="U11" s="28">
        <v>37.455310199789693</v>
      </c>
      <c r="V11" s="28">
        <v>0.59936908517350163</v>
      </c>
    </row>
    <row r="12" spans="1:25" x14ac:dyDescent="0.7">
      <c r="A12" s="1" t="s">
        <v>40</v>
      </c>
      <c r="B12" s="28">
        <v>314.11540035465833</v>
      </c>
      <c r="C12" s="28">
        <v>34.865639066975859</v>
      </c>
      <c r="D12" s="28">
        <v>32.478515891419995</v>
      </c>
      <c r="E12" s="28">
        <v>2.9641249488473607</v>
      </c>
      <c r="F12" s="28">
        <v>70.549720365570863</v>
      </c>
      <c r="G12" s="28">
        <v>31.501841495021143</v>
      </c>
      <c r="H12" s="28">
        <v>27.752012003819399</v>
      </c>
      <c r="I12" s="28">
        <v>29.66034647387805</v>
      </c>
      <c r="J12" s="28">
        <v>0.66975855954167229</v>
      </c>
      <c r="K12" s="28">
        <v>1.0953485199836313</v>
      </c>
      <c r="L12" s="28">
        <v>0.60837539217023595</v>
      </c>
      <c r="M12" s="28">
        <v>0.26053744373209659</v>
      </c>
      <c r="N12" s="28">
        <v>3.8193970808893744E-2</v>
      </c>
      <c r="O12" s="28">
        <v>0.23734824716955397</v>
      </c>
      <c r="P12" s="28">
        <v>2.3993998090301458</v>
      </c>
      <c r="Q12" s="28">
        <v>2.4198608648206248</v>
      </c>
      <c r="R12" s="28">
        <v>3.8193970808893744E-2</v>
      </c>
      <c r="S12" s="28">
        <v>2846.4056745328057</v>
      </c>
      <c r="T12" s="28">
        <v>51.025780930296008</v>
      </c>
      <c r="U12" s="28">
        <v>26.997681080343742</v>
      </c>
      <c r="V12" s="28">
        <v>0.40376483426544807</v>
      </c>
    </row>
    <row r="13" spans="1:25" x14ac:dyDescent="0.7">
      <c r="A13" s="1" t="s">
        <v>41</v>
      </c>
      <c r="B13" s="28">
        <v>291.97538756592616</v>
      </c>
      <c r="C13" s="28">
        <v>31.970592935911778</v>
      </c>
      <c r="D13" s="28">
        <v>16.638964359916894</v>
      </c>
      <c r="E13" s="28">
        <v>3.1324916093974746</v>
      </c>
      <c r="F13" s="28">
        <v>68.486495125459484</v>
      </c>
      <c r="G13" s="28">
        <v>33.02061690906185</v>
      </c>
      <c r="H13" s="28">
        <v>28.029407064088218</v>
      </c>
      <c r="I13" s="28">
        <v>28.937190346811573</v>
      </c>
      <c r="J13" s="28">
        <v>0.72079271216237806</v>
      </c>
      <c r="K13" s="28">
        <v>1.2082467636247403</v>
      </c>
      <c r="L13" s="28">
        <v>0.62010548186031644</v>
      </c>
      <c r="M13" s="28">
        <v>0.28927601086782806</v>
      </c>
      <c r="N13" s="28">
        <v>4.3151670129455012E-2</v>
      </c>
      <c r="O13" s="28">
        <v>0.23014224069042671</v>
      </c>
      <c r="P13" s="28">
        <v>2.4132971072398912</v>
      </c>
      <c r="Q13" s="28">
        <v>2.5843055777529171</v>
      </c>
      <c r="R13" s="28">
        <v>3.9955250119865754E-2</v>
      </c>
      <c r="S13" s="28">
        <v>2875.9789036279367</v>
      </c>
      <c r="T13" s="28">
        <v>51.07719354323158</v>
      </c>
      <c r="U13" s="28">
        <v>27.388524852165574</v>
      </c>
      <c r="V13" s="28">
        <v>0.40914176122742529</v>
      </c>
    </row>
    <row r="14" spans="1:25" x14ac:dyDescent="0.7">
      <c r="A14" s="1" t="s">
        <v>42</v>
      </c>
      <c r="B14" s="28">
        <v>446.0024137441431</v>
      </c>
      <c r="C14" s="28">
        <v>29.353968479341191</v>
      </c>
      <c r="D14" s="28">
        <v>27.520942780065315</v>
      </c>
      <c r="E14" s="28">
        <v>20.234985091580295</v>
      </c>
      <c r="F14" s="28">
        <v>100.13843532585547</v>
      </c>
      <c r="G14" s="28">
        <v>54.044441289223343</v>
      </c>
      <c r="H14" s="28">
        <v>31.018032088598609</v>
      </c>
      <c r="I14" s="28">
        <v>37.400965497657246</v>
      </c>
      <c r="J14" s="28">
        <v>0.68081783330966916</v>
      </c>
      <c r="K14" s="28">
        <v>0.93923044157319324</v>
      </c>
      <c r="L14" s="28">
        <v>0.56793979838137154</v>
      </c>
      <c r="M14" s="28">
        <v>0.3045577168820105</v>
      </c>
      <c r="N14" s="28">
        <v>0.10222916370864688</v>
      </c>
      <c r="O14" s="28">
        <v>0.28467982393866254</v>
      </c>
      <c r="P14" s="28">
        <v>1.5824222632400964</v>
      </c>
      <c r="Q14" s="28">
        <v>2.7949737327843249</v>
      </c>
      <c r="R14" s="28">
        <v>6.0343603578020724E-2</v>
      </c>
      <c r="S14" s="28">
        <v>2296.7485446542664</v>
      </c>
      <c r="T14" s="28">
        <v>61.621468124378822</v>
      </c>
      <c r="U14" s="28">
        <v>47.243362203606424</v>
      </c>
      <c r="V14" s="28">
        <v>0.4124662785744711</v>
      </c>
    </row>
    <row r="15" spans="1:25" x14ac:dyDescent="0.7">
      <c r="A15" s="1" t="s">
        <v>43</v>
      </c>
      <c r="B15" s="28">
        <v>309.16133925669084</v>
      </c>
      <c r="C15" s="28">
        <v>31.419438725755768</v>
      </c>
      <c r="D15" s="28">
        <v>18.773431574385093</v>
      </c>
      <c r="E15" s="28">
        <v>5.2963484667894676</v>
      </c>
      <c r="F15" s="28">
        <v>66.109004225809954</v>
      </c>
      <c r="G15" s="28">
        <v>35.684256149095241</v>
      </c>
      <c r="H15" s="28">
        <v>24.867266226026654</v>
      </c>
      <c r="I15" s="28">
        <v>33.993932170332648</v>
      </c>
      <c r="J15" s="28">
        <v>0.65879293531260152</v>
      </c>
      <c r="K15" s="28">
        <v>0.95459963159605588</v>
      </c>
      <c r="L15" s="28">
        <v>0.51034781666486073</v>
      </c>
      <c r="M15" s="28">
        <v>0.24704735074222559</v>
      </c>
      <c r="N15" s="28">
        <v>3.5756853396901073E-2</v>
      </c>
      <c r="O15" s="28">
        <v>9.2100986022320933E-2</v>
      </c>
      <c r="P15" s="28">
        <v>1.7174125040632788</v>
      </c>
      <c r="Q15" s="28">
        <v>2.2808538303174775</v>
      </c>
      <c r="R15" s="28">
        <v>2.9255607324737243E-2</v>
      </c>
      <c r="S15" s="28">
        <v>2717.4125040632789</v>
      </c>
      <c r="T15" s="28">
        <v>49.07357243471666</v>
      </c>
      <c r="U15" s="28">
        <v>30.326145844620221</v>
      </c>
      <c r="V15" s="28">
        <v>0.31531043449994578</v>
      </c>
    </row>
    <row r="16" spans="1:25" x14ac:dyDescent="0.7">
      <c r="A16" s="1" t="s">
        <v>44</v>
      </c>
      <c r="B16" s="28">
        <v>488.52775164628412</v>
      </c>
      <c r="C16" s="28">
        <v>57.977422389463783</v>
      </c>
      <c r="D16" s="28">
        <v>47.685794920037623</v>
      </c>
      <c r="E16" s="28">
        <v>3.8240827845719663</v>
      </c>
      <c r="F16" s="28">
        <v>119.78833490122295</v>
      </c>
      <c r="G16" s="28">
        <v>53.301975540921923</v>
      </c>
      <c r="H16" s="28">
        <v>46.180620884289745</v>
      </c>
      <c r="I16" s="28">
        <v>36.674506114769521</v>
      </c>
      <c r="J16" s="28">
        <v>0.3010348071495767</v>
      </c>
      <c r="K16" s="28">
        <v>2.0507996237064909</v>
      </c>
      <c r="L16" s="28">
        <v>1.0818438381937912</v>
      </c>
      <c r="M16" s="28">
        <v>0.47507055503292567</v>
      </c>
      <c r="N16" s="28">
        <v>0.10348071495766697</v>
      </c>
      <c r="O16" s="28">
        <v>0.37158984007525869</v>
      </c>
      <c r="P16" s="28">
        <v>6.6321730950141102</v>
      </c>
      <c r="Q16" s="28">
        <v>2.0507996237064909</v>
      </c>
      <c r="R16" s="28">
        <v>4.7036688617121354E-2</v>
      </c>
      <c r="S16" s="28">
        <v>2962.8410159924738</v>
      </c>
      <c r="T16" s="28">
        <v>88.095014111006577</v>
      </c>
      <c r="U16" s="28">
        <v>40.249294449670742</v>
      </c>
      <c r="V16" s="28">
        <v>0.47036688617121353</v>
      </c>
    </row>
    <row r="17" spans="1:22" x14ac:dyDescent="0.7">
      <c r="A17" s="1" t="s">
        <v>45</v>
      </c>
      <c r="B17" s="28">
        <v>486.46474677259187</v>
      </c>
      <c r="C17" s="28">
        <v>53.823237338629596</v>
      </c>
      <c r="D17" s="28">
        <v>46.693147964250251</v>
      </c>
      <c r="E17" s="28">
        <v>4.3892750744786495</v>
      </c>
      <c r="F17" s="28">
        <v>121.84707050645483</v>
      </c>
      <c r="G17" s="28">
        <v>48.520357497517374</v>
      </c>
      <c r="H17" s="28">
        <v>43.952333664349553</v>
      </c>
      <c r="I17" s="28">
        <v>36.58391261171797</v>
      </c>
      <c r="J17" s="28">
        <v>0.26812313803376364</v>
      </c>
      <c r="K17" s="28">
        <v>1.7676266137040715</v>
      </c>
      <c r="L17" s="28">
        <v>0.75471698113207553</v>
      </c>
      <c r="M17" s="28">
        <v>0.48659384309831183</v>
      </c>
      <c r="N17" s="28">
        <v>4.9652432969215489E-2</v>
      </c>
      <c r="O17" s="28">
        <v>0.55610724925521349</v>
      </c>
      <c r="P17" s="28">
        <v>6.4846077457795435</v>
      </c>
      <c r="Q17" s="28">
        <v>2.2840119165839128</v>
      </c>
      <c r="R17" s="28">
        <v>4.9652432969215489E-2</v>
      </c>
      <c r="S17" s="28">
        <v>2990.0695134061566</v>
      </c>
      <c r="T17" s="28">
        <v>90.188679245283026</v>
      </c>
      <c r="U17" s="28">
        <v>39.324726911618669</v>
      </c>
      <c r="V17" s="28">
        <v>0.86395233366434954</v>
      </c>
    </row>
    <row r="18" spans="1:22" x14ac:dyDescent="0.7">
      <c r="A18" s="1" t="s">
        <v>46</v>
      </c>
      <c r="B18" s="28">
        <v>508.89990982867448</v>
      </c>
      <c r="C18" s="28">
        <v>52.371505861136164</v>
      </c>
      <c r="D18" s="28">
        <v>57.06041478809739</v>
      </c>
      <c r="E18" s="28">
        <v>5.3832281334535619</v>
      </c>
      <c r="F18" s="28">
        <v>123.40847610459873</v>
      </c>
      <c r="G18" s="28">
        <v>58.178539224526595</v>
      </c>
      <c r="H18" s="28">
        <v>42.389540126239858</v>
      </c>
      <c r="I18" s="28">
        <v>35.788999098286745</v>
      </c>
      <c r="J18" s="28">
        <v>0.38773669972948605</v>
      </c>
      <c r="K18" s="28">
        <v>1.8214607754733994</v>
      </c>
      <c r="L18" s="28">
        <v>0.81154192966636607</v>
      </c>
      <c r="M18" s="28">
        <v>0.5049594229035167</v>
      </c>
      <c r="N18" s="28">
        <v>0.12623985572587917</v>
      </c>
      <c r="O18" s="28">
        <v>0.369702434625789</v>
      </c>
      <c r="P18" s="28">
        <v>6.4472497745716861</v>
      </c>
      <c r="Q18" s="28">
        <v>2.4165915238954012</v>
      </c>
      <c r="R18" s="28">
        <v>5.4102795311091072E-2</v>
      </c>
      <c r="S18" s="28">
        <v>2840.3967538322809</v>
      </c>
      <c r="T18" s="28">
        <v>87.736699729486034</v>
      </c>
      <c r="U18" s="28">
        <v>46.961226330027053</v>
      </c>
      <c r="V18" s="28">
        <v>0.70333633904418391</v>
      </c>
    </row>
    <row r="19" spans="1:22" x14ac:dyDescent="0.7">
      <c r="A19" s="1" t="s">
        <v>47</v>
      </c>
      <c r="B19" s="28">
        <v>535.73924731182797</v>
      </c>
      <c r="C19" s="28">
        <v>60.766129032258064</v>
      </c>
      <c r="D19" s="28">
        <v>63.79032258064516</v>
      </c>
      <c r="E19" s="28">
        <v>4.583333333333333</v>
      </c>
      <c r="F19" s="28">
        <v>127.8225806451613</v>
      </c>
      <c r="G19" s="28">
        <v>63.965053763440864</v>
      </c>
      <c r="H19" s="28">
        <v>45.241935483870975</v>
      </c>
      <c r="I19" s="28">
        <v>34.758064516129032</v>
      </c>
      <c r="J19" s="28">
        <v>0.80645161290322576</v>
      </c>
      <c r="K19" s="28">
        <v>2.567204301075269</v>
      </c>
      <c r="L19" s="28">
        <v>1.075268817204301</v>
      </c>
      <c r="M19" s="28">
        <v>0.43010752688172038</v>
      </c>
      <c r="N19" s="28">
        <v>8.0645161290322578E-2</v>
      </c>
      <c r="O19" s="28">
        <v>0.49731182795698919</v>
      </c>
      <c r="P19" s="28">
        <v>6.478494623655914</v>
      </c>
      <c r="Q19" s="28">
        <v>1.7204301075268815</v>
      </c>
      <c r="R19" s="28">
        <v>5.3763440860215048E-2</v>
      </c>
      <c r="S19" s="28">
        <v>2830.6451612903229</v>
      </c>
      <c r="T19" s="28">
        <v>93.978494623655919</v>
      </c>
      <c r="U19" s="28">
        <v>48.642473118279568</v>
      </c>
      <c r="V19" s="28">
        <v>0.7661290322580645</v>
      </c>
    </row>
    <row r="20" spans="1:22" x14ac:dyDescent="0.7">
      <c r="A20" s="1" t="s">
        <v>48</v>
      </c>
      <c r="B20" s="28">
        <v>512.7386934673367</v>
      </c>
      <c r="C20" s="28">
        <v>52.386934673366831</v>
      </c>
      <c r="D20" s="28">
        <v>51.394472361809051</v>
      </c>
      <c r="E20" s="28">
        <v>4.2211055276381906</v>
      </c>
      <c r="F20" s="28">
        <v>115.77889447236181</v>
      </c>
      <c r="G20" s="28">
        <v>71.143216080402013</v>
      </c>
      <c r="H20" s="28">
        <v>43.58040201005025</v>
      </c>
      <c r="I20" s="28">
        <v>38.291457286432163</v>
      </c>
      <c r="J20" s="28">
        <v>0.67839195979899503</v>
      </c>
      <c r="K20" s="28">
        <v>2.2110552763819094</v>
      </c>
      <c r="L20" s="28">
        <v>1.1557788944723617</v>
      </c>
      <c r="M20" s="28">
        <v>0.50251256281407031</v>
      </c>
      <c r="N20" s="28">
        <v>8.7939698492462318E-2</v>
      </c>
      <c r="O20" s="28">
        <v>0.66582914572864316</v>
      </c>
      <c r="P20" s="28">
        <v>7.3869346733668344</v>
      </c>
      <c r="Q20" s="28">
        <v>2.7512562814070347</v>
      </c>
      <c r="R20" s="28">
        <v>5.0251256281407038E-2</v>
      </c>
      <c r="S20" s="28">
        <v>2903.2663316582912</v>
      </c>
      <c r="T20" s="28">
        <v>87.638190954773876</v>
      </c>
      <c r="U20" s="28">
        <v>51.256281407035175</v>
      </c>
      <c r="V20" s="28">
        <v>0.65326633165829151</v>
      </c>
    </row>
    <row r="21" spans="1:22" x14ac:dyDescent="0.7">
      <c r="A21" s="1" t="s">
        <v>49</v>
      </c>
      <c r="B21" s="28">
        <v>496.86127744510975</v>
      </c>
      <c r="C21" s="28">
        <v>53.268463073852296</v>
      </c>
      <c r="D21" s="28">
        <v>48.732534930139721</v>
      </c>
      <c r="E21" s="28">
        <v>4.735528942115768</v>
      </c>
      <c r="F21" s="28">
        <v>113.50299401197604</v>
      </c>
      <c r="G21" s="28">
        <v>67.849301397205593</v>
      </c>
      <c r="H21" s="28">
        <v>40.858283433133728</v>
      </c>
      <c r="I21" s="28">
        <v>36.9810379241517</v>
      </c>
      <c r="J21" s="28">
        <v>0.45409181636726548</v>
      </c>
      <c r="K21" s="28">
        <v>1.7914171656686626</v>
      </c>
      <c r="L21" s="28">
        <v>0.96307385229540921</v>
      </c>
      <c r="M21" s="28">
        <v>0.4940119760479042</v>
      </c>
      <c r="N21" s="28">
        <v>5.4890219560878244E-2</v>
      </c>
      <c r="O21" s="28">
        <v>0.59880239520958078</v>
      </c>
      <c r="P21" s="28">
        <v>9.121756487025948</v>
      </c>
      <c r="Q21" s="28">
        <v>2.345309381237525</v>
      </c>
      <c r="R21" s="28">
        <v>7.9840319361277445E-2</v>
      </c>
      <c r="S21" s="28">
        <v>2951.5968063872256</v>
      </c>
      <c r="T21" s="28">
        <v>85.164670658682638</v>
      </c>
      <c r="U21" s="28">
        <v>46.631736526946106</v>
      </c>
      <c r="V21" s="28">
        <v>0.54890219560878251</v>
      </c>
    </row>
    <row r="22" spans="1:22" x14ac:dyDescent="0.7">
      <c r="A22" s="1" t="s">
        <v>50</v>
      </c>
      <c r="B22" s="28">
        <v>477.52459865354734</v>
      </c>
      <c r="C22" s="28">
        <v>50.274469186949766</v>
      </c>
      <c r="D22" s="28">
        <v>62.827550491973071</v>
      </c>
      <c r="E22" s="28">
        <v>2.8948731227343347</v>
      </c>
      <c r="F22" s="28">
        <v>112.83272915587779</v>
      </c>
      <c r="G22" s="28">
        <v>55.396167788710514</v>
      </c>
      <c r="H22" s="28">
        <v>40.176074572760228</v>
      </c>
      <c r="I22" s="28">
        <v>37.731745209735884</v>
      </c>
      <c r="J22" s="28">
        <v>0.75090626618332468</v>
      </c>
      <c r="K22" s="28">
        <v>1.8177110305541171</v>
      </c>
      <c r="L22" s="28">
        <v>0.93733816675297776</v>
      </c>
      <c r="M22" s="28">
        <v>0.42465044018643189</v>
      </c>
      <c r="N22" s="28">
        <v>6.7322630761263602E-2</v>
      </c>
      <c r="O22" s="28">
        <v>0.37286380113930606</v>
      </c>
      <c r="P22" s="28">
        <v>5.6084930088037286</v>
      </c>
      <c r="Q22" s="28">
        <v>3.2470222682547902</v>
      </c>
      <c r="R22" s="28">
        <v>3.1071983428275506E-2</v>
      </c>
      <c r="S22" s="28">
        <v>2939.9274987053341</v>
      </c>
      <c r="T22" s="28">
        <v>83.303987571206619</v>
      </c>
      <c r="U22" s="28">
        <v>46.100466079751421</v>
      </c>
      <c r="V22" s="28">
        <v>0.44018643190056966</v>
      </c>
    </row>
    <row r="23" spans="1:22" x14ac:dyDescent="0.7">
      <c r="A23" s="1" t="s">
        <v>51</v>
      </c>
      <c r="B23" s="28">
        <v>455.10267229254572</v>
      </c>
      <c r="C23" s="28">
        <v>46.329113924050631</v>
      </c>
      <c r="D23" s="28">
        <v>49.563994374120952</v>
      </c>
      <c r="E23" s="28">
        <v>3.9015471167369902</v>
      </c>
      <c r="F23" s="28">
        <v>108.70323488045007</v>
      </c>
      <c r="G23" s="28">
        <v>52.748241912798875</v>
      </c>
      <c r="H23" s="28">
        <v>39.493670886075947</v>
      </c>
      <c r="I23" s="28">
        <v>35.268635724331929</v>
      </c>
      <c r="J23" s="28">
        <v>0.92264416315049225</v>
      </c>
      <c r="K23" s="28">
        <v>1.3867791842475385</v>
      </c>
      <c r="L23" s="28">
        <v>0.81575246132208157</v>
      </c>
      <c r="M23" s="28">
        <v>0.38255977496483828</v>
      </c>
      <c r="N23" s="28">
        <v>3.9381153305203941E-2</v>
      </c>
      <c r="O23" s="28">
        <v>0.27004219409282704</v>
      </c>
      <c r="P23" s="28">
        <v>3.5639943741209565</v>
      </c>
      <c r="Q23" s="28">
        <v>2.5541490857946556</v>
      </c>
      <c r="R23" s="28">
        <v>4.7819971870604785E-2</v>
      </c>
      <c r="S23" s="28">
        <v>2783.6849507735583</v>
      </c>
      <c r="T23" s="28">
        <v>79.156118143459906</v>
      </c>
      <c r="U23" s="28">
        <v>42.517580872011251</v>
      </c>
      <c r="V23" s="28">
        <v>0.39099859353023908</v>
      </c>
    </row>
    <row r="24" spans="1:22" x14ac:dyDescent="0.7">
      <c r="A24" s="1" t="s">
        <v>52</v>
      </c>
      <c r="B24" s="28">
        <v>400.20329008960812</v>
      </c>
      <c r="C24" s="28">
        <v>36.330078908653206</v>
      </c>
      <c r="D24" s="28">
        <v>43.532165306941287</v>
      </c>
      <c r="E24" s="28">
        <v>5.1798849806071958</v>
      </c>
      <c r="F24" s="28">
        <v>94.100575096964022</v>
      </c>
      <c r="G24" s="28">
        <v>45.348401765413932</v>
      </c>
      <c r="H24" s="28">
        <v>31.925906112077037</v>
      </c>
      <c r="I24" s="28">
        <v>33.233917346529353</v>
      </c>
      <c r="J24" s="28">
        <v>0.52159957202086404</v>
      </c>
      <c r="K24" s="28">
        <v>1.293299451651732</v>
      </c>
      <c r="L24" s="28">
        <v>0.5804467032232179</v>
      </c>
      <c r="M24" s="28">
        <v>0.29557309081182292</v>
      </c>
      <c r="N24" s="28">
        <v>6.9546609602781861E-2</v>
      </c>
      <c r="O24" s="28">
        <v>0.12973117560518924</v>
      </c>
      <c r="P24" s="28">
        <v>2.3204493780928179</v>
      </c>
      <c r="Q24" s="28">
        <v>2.3592349872943696</v>
      </c>
      <c r="R24" s="28">
        <v>3.8785609201551427E-2</v>
      </c>
      <c r="S24" s="28">
        <v>2559.1814899023675</v>
      </c>
      <c r="T24" s="28">
        <v>61.685167848067408</v>
      </c>
      <c r="U24" s="28">
        <v>39.362043600374484</v>
      </c>
      <c r="V24" s="28">
        <v>0.37581917881503279</v>
      </c>
    </row>
    <row r="25" spans="1:22" x14ac:dyDescent="0.7">
      <c r="A25" s="1" t="s">
        <v>53</v>
      </c>
      <c r="B25" s="28">
        <v>418.41922408801395</v>
      </c>
      <c r="C25" s="28">
        <v>42.976259409380432</v>
      </c>
      <c r="D25" s="28">
        <v>39.310943833236834</v>
      </c>
      <c r="E25" s="28">
        <v>2.7156919513607414</v>
      </c>
      <c r="F25" s="28">
        <v>101.07701215981471</v>
      </c>
      <c r="G25" s="28">
        <v>46.363636363636367</v>
      </c>
      <c r="H25" s="28">
        <v>35.466126230457441</v>
      </c>
      <c r="I25" s="28">
        <v>34.609148812970467</v>
      </c>
      <c r="J25" s="28">
        <v>0.86855819339895768</v>
      </c>
      <c r="K25" s="28">
        <v>2.1019108280254777</v>
      </c>
      <c r="L25" s="28">
        <v>0.96699478865083954</v>
      </c>
      <c r="M25" s="28">
        <v>0.4053271569195136</v>
      </c>
      <c r="N25" s="28">
        <v>4.0532715691951361E-2</v>
      </c>
      <c r="O25" s="28">
        <v>0.27214823393167342</v>
      </c>
      <c r="P25" s="28">
        <v>3.6132020845396644</v>
      </c>
      <c r="Q25" s="28">
        <v>2.5419803126809497</v>
      </c>
      <c r="R25" s="28">
        <v>5.7903879559930517E-2</v>
      </c>
      <c r="S25" s="28">
        <v>3046.3231036479442</v>
      </c>
      <c r="T25" s="28">
        <v>77.226404169079331</v>
      </c>
      <c r="U25" s="28">
        <v>36.832657788071799</v>
      </c>
      <c r="V25" s="28">
        <v>0.46902142443543715</v>
      </c>
    </row>
    <row r="26" spans="1:22" x14ac:dyDescent="0.7">
      <c r="A26" s="1" t="s">
        <v>54</v>
      </c>
      <c r="B26" s="28">
        <v>382.0042643923241</v>
      </c>
      <c r="C26" s="28">
        <v>38.891257995735607</v>
      </c>
      <c r="D26" s="28">
        <v>36.552949538024166</v>
      </c>
      <c r="E26" s="28">
        <v>2.7292110874200426</v>
      </c>
      <c r="F26" s="28">
        <v>85.72139303482588</v>
      </c>
      <c r="G26" s="28">
        <v>37.604832977967305</v>
      </c>
      <c r="H26" s="28">
        <v>30.966595593461264</v>
      </c>
      <c r="I26" s="28">
        <v>33.638948116560059</v>
      </c>
      <c r="J26" s="28">
        <v>0.85998578535891967</v>
      </c>
      <c r="K26" s="28">
        <v>1.556503198294243</v>
      </c>
      <c r="L26" s="28">
        <v>0.73205401563610517</v>
      </c>
      <c r="M26" s="28">
        <v>0.39800995024875624</v>
      </c>
      <c r="N26" s="28">
        <v>6.3965884861407252E-2</v>
      </c>
      <c r="O26" s="28">
        <v>0.36247334754797444</v>
      </c>
      <c r="P26" s="28">
        <v>3.894811656005686</v>
      </c>
      <c r="Q26" s="28">
        <v>2.4662402274342572</v>
      </c>
      <c r="R26" s="28">
        <v>5.6858564321250887E-2</v>
      </c>
      <c r="S26" s="28">
        <v>2916.8443496801706</v>
      </c>
      <c r="T26" s="28">
        <v>66.531627576403693</v>
      </c>
      <c r="U26" s="28">
        <v>29.928926794598436</v>
      </c>
      <c r="V26" s="28">
        <v>0.36247334754797444</v>
      </c>
    </row>
    <row r="27" spans="1:22" x14ac:dyDescent="0.7">
      <c r="A27" s="1" t="s">
        <v>55</v>
      </c>
      <c r="B27" s="28">
        <v>436.14990138067066</v>
      </c>
      <c r="C27" s="28">
        <v>33.877712031558183</v>
      </c>
      <c r="D27" s="28">
        <v>47.30571992110454</v>
      </c>
      <c r="E27" s="28">
        <v>4.8244575936883631</v>
      </c>
      <c r="F27" s="28">
        <v>103.40039447731755</v>
      </c>
      <c r="G27" s="28">
        <v>54.595660749506905</v>
      </c>
      <c r="H27" s="28">
        <v>33.222879684418146</v>
      </c>
      <c r="I27" s="28">
        <v>36.682445759368832</v>
      </c>
      <c r="J27" s="28">
        <v>0.74556213017751483</v>
      </c>
      <c r="K27" s="28">
        <v>1.4398422090729781</v>
      </c>
      <c r="L27" s="28">
        <v>0.7416173570019724</v>
      </c>
      <c r="M27" s="28">
        <v>0.41420118343195267</v>
      </c>
      <c r="N27" s="28">
        <v>0.13412228796844181</v>
      </c>
      <c r="O27" s="28">
        <v>0.26824457593688361</v>
      </c>
      <c r="P27" s="28">
        <v>2.5167652859960552</v>
      </c>
      <c r="Q27" s="28">
        <v>2.3353057199211045</v>
      </c>
      <c r="R27" s="28">
        <v>5.128205128205128E-2</v>
      </c>
      <c r="S27" s="28">
        <v>2831.1637080867854</v>
      </c>
      <c r="T27" s="28">
        <v>76.216962524654832</v>
      </c>
      <c r="U27" s="28">
        <v>45.207100591715978</v>
      </c>
      <c r="V27" s="28">
        <v>0.58777120315581854</v>
      </c>
    </row>
    <row r="28" spans="1:22" x14ac:dyDescent="0.7">
      <c r="A28" s="1" t="s">
        <v>56</v>
      </c>
      <c r="B28" s="28">
        <v>438.58495948875952</v>
      </c>
      <c r="C28" s="28">
        <v>31.101221043021795</v>
      </c>
      <c r="D28" s="28">
        <v>44.440260184868201</v>
      </c>
      <c r="E28" s="28">
        <v>7.8842862033550158</v>
      </c>
      <c r="F28" s="28">
        <v>102.71368252881435</v>
      </c>
      <c r="G28" s="28">
        <v>51.043021796188519</v>
      </c>
      <c r="H28" s="28">
        <v>30.847883145041649</v>
      </c>
      <c r="I28" s="28">
        <v>43.469131575944317</v>
      </c>
      <c r="J28" s="28">
        <v>0.59340408535889533</v>
      </c>
      <c r="K28" s="28">
        <v>1.1217619536688348</v>
      </c>
      <c r="L28" s="28">
        <v>0.58541595344060249</v>
      </c>
      <c r="M28" s="28">
        <v>0.28985507246376813</v>
      </c>
      <c r="N28" s="28">
        <v>6.618737875156909E-2</v>
      </c>
      <c r="O28" s="28">
        <v>0.17688006390505534</v>
      </c>
      <c r="P28" s="28">
        <v>1.3625470729202327</v>
      </c>
      <c r="Q28" s="28">
        <v>2.2960173456578796</v>
      </c>
      <c r="R28" s="28">
        <v>4.1081821294077371E-2</v>
      </c>
      <c r="S28" s="28">
        <v>2608.1250713226063</v>
      </c>
      <c r="T28" s="28">
        <v>62.494579481912588</v>
      </c>
      <c r="U28" s="28">
        <v>44.913842291452696</v>
      </c>
      <c r="V28" s="28">
        <v>0.53292251512039257</v>
      </c>
    </row>
    <row r="29" spans="1:22" x14ac:dyDescent="0.7">
      <c r="A29" s="1" t="s">
        <v>57</v>
      </c>
      <c r="B29" s="28">
        <v>378.23649906890131</v>
      </c>
      <c r="C29" s="28">
        <v>30.975791433891995</v>
      </c>
      <c r="D29" s="28">
        <v>30.862197392923651</v>
      </c>
      <c r="E29" s="28">
        <v>3.3519553072625698</v>
      </c>
      <c r="F29" s="28">
        <v>89.335195530726253</v>
      </c>
      <c r="G29" s="28">
        <v>47.703910614525135</v>
      </c>
      <c r="H29" s="28">
        <v>31.152700186219739</v>
      </c>
      <c r="I29" s="28">
        <v>37.70577281191806</v>
      </c>
      <c r="J29" s="28">
        <v>0.79702048417132221</v>
      </c>
      <c r="K29" s="28">
        <v>1.37243947858473</v>
      </c>
      <c r="L29" s="28">
        <v>0.6983240223463687</v>
      </c>
      <c r="M29" s="28">
        <v>0.38175046554934822</v>
      </c>
      <c r="N29" s="28">
        <v>6.5176908752327747E-2</v>
      </c>
      <c r="O29" s="28">
        <v>0.19925512104283055</v>
      </c>
      <c r="P29" s="28">
        <v>2.0819366852886407</v>
      </c>
      <c r="Q29" s="28">
        <v>2.8249534450651765</v>
      </c>
      <c r="R29" s="28">
        <v>4.4692737430167599E-2</v>
      </c>
      <c r="S29" s="28">
        <v>2877.0949720670392</v>
      </c>
      <c r="T29" s="28">
        <v>66.333333333333329</v>
      </c>
      <c r="U29" s="28">
        <v>40.914338919925513</v>
      </c>
      <c r="V29" s="28">
        <v>0.58472998137802601</v>
      </c>
    </row>
    <row r="30" spans="1:22" x14ac:dyDescent="0.7">
      <c r="A30" s="1" t="s">
        <v>58</v>
      </c>
      <c r="B30" s="28">
        <v>351.72067901234567</v>
      </c>
      <c r="C30" s="28">
        <v>27.577160493827162</v>
      </c>
      <c r="D30" s="28">
        <v>32.623456790123456</v>
      </c>
      <c r="E30" s="28">
        <v>2.5771604938271602</v>
      </c>
      <c r="F30" s="28">
        <v>83.742283950617292</v>
      </c>
      <c r="G30" s="28">
        <v>35.871913580246918</v>
      </c>
      <c r="H30" s="28">
        <v>29.876543209876541</v>
      </c>
      <c r="I30" s="28">
        <v>36.75925925925926</v>
      </c>
      <c r="J30" s="28">
        <v>1.0262345679012346</v>
      </c>
      <c r="K30" s="28">
        <v>1.4506172839506173</v>
      </c>
      <c r="L30" s="28">
        <v>0.82561728395061729</v>
      </c>
      <c r="M30" s="28">
        <v>0.39351851851851849</v>
      </c>
      <c r="N30" s="28">
        <v>7.716049382716049E-2</v>
      </c>
      <c r="O30" s="28">
        <v>0.25462962962962959</v>
      </c>
      <c r="P30" s="28">
        <v>3.7731481481481479</v>
      </c>
      <c r="Q30" s="28">
        <v>2.4691358024691357</v>
      </c>
      <c r="R30" s="28">
        <v>4.6296296296296294E-2</v>
      </c>
      <c r="S30" s="28">
        <v>3065.5864197530864</v>
      </c>
      <c r="T30" s="28">
        <v>66.805555555555557</v>
      </c>
      <c r="U30" s="28">
        <v>28.958333333333332</v>
      </c>
      <c r="V30" s="28">
        <v>0.5478395061728395</v>
      </c>
    </row>
    <row r="31" spans="1:22" x14ac:dyDescent="0.7">
      <c r="A31" s="1" t="s">
        <v>59</v>
      </c>
      <c r="B31" s="28">
        <v>507.94843049327352</v>
      </c>
      <c r="C31" s="28">
        <v>47.47757847533633</v>
      </c>
      <c r="D31" s="28">
        <v>39.529147982062781</v>
      </c>
      <c r="E31" s="28">
        <v>3.0044843049327357</v>
      </c>
      <c r="F31" s="28">
        <v>127.63452914798205</v>
      </c>
      <c r="G31" s="28">
        <v>58.531390134529147</v>
      </c>
      <c r="H31" s="28">
        <v>44.383408071748875</v>
      </c>
      <c r="I31" s="28">
        <v>48.890134529147979</v>
      </c>
      <c r="J31" s="28">
        <v>0.70627802690582964</v>
      </c>
      <c r="K31" s="28">
        <v>2.6905829596412558</v>
      </c>
      <c r="L31" s="28">
        <v>1.4125560538116593</v>
      </c>
      <c r="M31" s="28">
        <v>0.52690582959641263</v>
      </c>
      <c r="N31" s="28">
        <v>5.605381165919282E-2</v>
      </c>
      <c r="O31" s="28">
        <v>0.30269058295964124</v>
      </c>
      <c r="P31" s="28">
        <v>4.9551569506726461</v>
      </c>
      <c r="Q31" s="28">
        <v>1.8161434977578474</v>
      </c>
      <c r="R31" s="28">
        <v>5.605381165919282E-2</v>
      </c>
      <c r="S31" s="28">
        <v>3197.3094170403588</v>
      </c>
      <c r="T31" s="28">
        <v>99.125560538116588</v>
      </c>
      <c r="U31" s="28">
        <v>46.995515695067262</v>
      </c>
      <c r="V31" s="28">
        <v>0.84080717488789247</v>
      </c>
    </row>
    <row r="32" spans="1:22" x14ac:dyDescent="0.7">
      <c r="A32" s="1" t="s">
        <v>60</v>
      </c>
      <c r="B32" s="28">
        <v>451.4338919925512</v>
      </c>
      <c r="C32" s="28">
        <v>41.284916201117319</v>
      </c>
      <c r="D32" s="28">
        <v>27.318435754189945</v>
      </c>
      <c r="E32" s="28">
        <v>4.3575418994413413</v>
      </c>
      <c r="F32" s="28">
        <v>113.89199255121044</v>
      </c>
      <c r="G32" s="28">
        <v>53.761638733705773</v>
      </c>
      <c r="H32" s="28">
        <v>44.655493482309119</v>
      </c>
      <c r="I32" s="28">
        <v>41.955307262569839</v>
      </c>
      <c r="J32" s="28">
        <v>0.33519553072625696</v>
      </c>
      <c r="K32" s="28">
        <v>2.1229050279329607</v>
      </c>
      <c r="L32" s="28">
        <v>1.042830540037244</v>
      </c>
      <c r="M32" s="28">
        <v>0.5959031657355679</v>
      </c>
      <c r="N32" s="28">
        <v>5.5865921787709501E-2</v>
      </c>
      <c r="O32" s="28">
        <v>0.55865921787709494</v>
      </c>
      <c r="P32" s="28">
        <v>9.2178770949720672</v>
      </c>
      <c r="Q32" s="28">
        <v>1.9553072625698322</v>
      </c>
      <c r="R32" s="28">
        <v>3.7243947858472994E-2</v>
      </c>
      <c r="S32" s="28">
        <v>2843.5754189944137</v>
      </c>
      <c r="T32" s="28">
        <v>87.299813780260706</v>
      </c>
      <c r="U32" s="28">
        <v>42.458100558659218</v>
      </c>
      <c r="V32" s="28">
        <v>0.72625698324022347</v>
      </c>
    </row>
    <row r="33" spans="1:22" x14ac:dyDescent="0.7">
      <c r="A33" s="1" t="s">
        <v>61</v>
      </c>
      <c r="B33" s="28">
        <v>502.10769230769233</v>
      </c>
      <c r="C33" s="28">
        <v>52.153846153846153</v>
      </c>
      <c r="D33" s="28">
        <v>32.292307692307695</v>
      </c>
      <c r="E33" s="28">
        <v>3.8769230769230769</v>
      </c>
      <c r="F33" s="28">
        <v>126.43076923076923</v>
      </c>
      <c r="G33" s="28">
        <v>50.323076923076925</v>
      </c>
      <c r="H33" s="28">
        <v>46.476923076923079</v>
      </c>
      <c r="I33" s="28">
        <v>45.38461538461538</v>
      </c>
      <c r="J33" s="28">
        <v>1.1692307692307693</v>
      </c>
      <c r="K33" s="28">
        <v>3.0153846153846153</v>
      </c>
      <c r="L33" s="28">
        <v>1.4615384615384615</v>
      </c>
      <c r="M33" s="28">
        <v>0.72307692307692306</v>
      </c>
      <c r="N33" s="28">
        <v>3.0769230769230771E-2</v>
      </c>
      <c r="O33" s="28">
        <v>0.63076923076923075</v>
      </c>
      <c r="P33" s="28">
        <v>8.0615384615384613</v>
      </c>
      <c r="Q33" s="28">
        <v>1.3692307692307693</v>
      </c>
      <c r="R33" s="28">
        <v>4.6153846153846156E-2</v>
      </c>
      <c r="S33" s="28">
        <v>2824.6153846153848</v>
      </c>
      <c r="T33" s="28">
        <v>97.753846153846141</v>
      </c>
      <c r="U33" s="28">
        <v>39.015384615384612</v>
      </c>
      <c r="V33" s="28">
        <v>0.56923076923076921</v>
      </c>
    </row>
    <row r="34" spans="1:22" x14ac:dyDescent="0.7">
      <c r="A34" s="1" t="s">
        <v>62</v>
      </c>
      <c r="B34" s="28">
        <v>425.80400649702221</v>
      </c>
      <c r="C34" s="28">
        <v>44.683270167839737</v>
      </c>
      <c r="D34" s="28">
        <v>34.52084461288576</v>
      </c>
      <c r="E34" s="28">
        <v>3.8603140227395776</v>
      </c>
      <c r="F34" s="28">
        <v>105.60368164591229</v>
      </c>
      <c r="G34" s="28">
        <v>41.348132106118022</v>
      </c>
      <c r="H34" s="28">
        <v>36.513264753654575</v>
      </c>
      <c r="I34" s="28">
        <v>37.893881970763402</v>
      </c>
      <c r="J34" s="28">
        <v>1.0774228478613967</v>
      </c>
      <c r="K34" s="28">
        <v>2.030319436924743</v>
      </c>
      <c r="L34" s="28">
        <v>0.88251218191662162</v>
      </c>
      <c r="M34" s="28">
        <v>0.46561992420140769</v>
      </c>
      <c r="N34" s="28">
        <v>9.7455332972387662E-2</v>
      </c>
      <c r="O34" s="28">
        <v>0.37899296155928536</v>
      </c>
      <c r="P34" s="28">
        <v>4.2880346507850566</v>
      </c>
      <c r="Q34" s="28">
        <v>2.1927449918787225</v>
      </c>
      <c r="R34" s="28">
        <v>3.7899296155928533E-2</v>
      </c>
      <c r="S34" s="28">
        <v>2820.790471034109</v>
      </c>
      <c r="T34" s="28">
        <v>77.487818083378457</v>
      </c>
      <c r="U34" s="28">
        <v>33.692474282620466</v>
      </c>
      <c r="V34" s="28">
        <v>0.7742284786139686</v>
      </c>
    </row>
    <row r="35" spans="1:22" x14ac:dyDescent="0.7">
      <c r="A35" s="1" t="s">
        <v>63</v>
      </c>
      <c r="B35" s="28">
        <v>446.14682249817383</v>
      </c>
      <c r="C35" s="28">
        <v>41.526661796932068</v>
      </c>
      <c r="D35" s="28">
        <v>34.437545653761873</v>
      </c>
      <c r="E35" s="28">
        <v>4.6165084002921839</v>
      </c>
      <c r="F35" s="28">
        <v>109.90504017531045</v>
      </c>
      <c r="G35" s="28">
        <v>48.736303871439006</v>
      </c>
      <c r="H35" s="28">
        <v>37.253469685902118</v>
      </c>
      <c r="I35" s="28">
        <v>39.222059897735569</v>
      </c>
      <c r="J35" s="28">
        <v>0.75967859751643541</v>
      </c>
      <c r="K35" s="28">
        <v>1.6910153396639882</v>
      </c>
      <c r="L35" s="28">
        <v>0.9532505478451424</v>
      </c>
      <c r="M35" s="28">
        <v>0.46749452154857557</v>
      </c>
      <c r="N35" s="28">
        <v>7.6698319941563176E-2</v>
      </c>
      <c r="O35" s="28">
        <v>0.31409788166544927</v>
      </c>
      <c r="P35" s="28">
        <v>3.7947406866325784</v>
      </c>
      <c r="Q35" s="28">
        <v>2.0781592403214026</v>
      </c>
      <c r="R35" s="28">
        <v>5.4784514243973702E-2</v>
      </c>
      <c r="S35" s="28">
        <v>2779.0357925493058</v>
      </c>
      <c r="T35" s="28">
        <v>75.774287801314827</v>
      </c>
      <c r="U35" s="28">
        <v>41.698319941563184</v>
      </c>
      <c r="V35" s="28">
        <v>0.73411249086924757</v>
      </c>
    </row>
    <row r="36" spans="1:22" x14ac:dyDescent="0.7">
      <c r="A36" s="1" t="s">
        <v>64</v>
      </c>
      <c r="B36" s="28">
        <v>434.91525423728814</v>
      </c>
      <c r="C36" s="28">
        <v>45.924499229583972</v>
      </c>
      <c r="D36" s="28">
        <v>24.969183359013869</v>
      </c>
      <c r="E36" s="28">
        <v>3.3513097072419109</v>
      </c>
      <c r="F36" s="28">
        <v>112.39599383667181</v>
      </c>
      <c r="G36" s="28">
        <v>46.117103235747301</v>
      </c>
      <c r="H36" s="28">
        <v>39.661016949152547</v>
      </c>
      <c r="I36" s="28">
        <v>40.161787365177197</v>
      </c>
      <c r="J36" s="28">
        <v>1.1941448382126347</v>
      </c>
      <c r="K36" s="28">
        <v>2.2804314329738058</v>
      </c>
      <c r="L36" s="28">
        <v>1.2326656394453004</v>
      </c>
      <c r="M36" s="28">
        <v>0.57781201848998465</v>
      </c>
      <c r="N36" s="28">
        <v>7.7041602465331274E-2</v>
      </c>
      <c r="O36" s="28">
        <v>0.42372881355932207</v>
      </c>
      <c r="P36" s="28">
        <v>5.5007704160246531</v>
      </c>
      <c r="Q36" s="28">
        <v>2.3343605546995376</v>
      </c>
      <c r="R36" s="28">
        <v>4.6224961479198766E-2</v>
      </c>
      <c r="S36" s="28">
        <v>3008.4745762711864</v>
      </c>
      <c r="T36" s="28">
        <v>86.456086286594754</v>
      </c>
      <c r="U36" s="28">
        <v>36.956856702619419</v>
      </c>
      <c r="V36" s="28">
        <v>0.86286594761171043</v>
      </c>
    </row>
    <row r="37" spans="1:22" x14ac:dyDescent="0.7">
      <c r="A37" s="1" t="s">
        <v>65</v>
      </c>
      <c r="B37" s="28">
        <v>490.92086330935251</v>
      </c>
      <c r="C37" s="28">
        <v>46.417266187050359</v>
      </c>
      <c r="D37" s="28">
        <v>33.482014388489212</v>
      </c>
      <c r="E37" s="28">
        <v>3.5827338129496402</v>
      </c>
      <c r="F37" s="28">
        <v>121.05035971223022</v>
      </c>
      <c r="G37" s="28">
        <v>56.158273381294961</v>
      </c>
      <c r="H37" s="28">
        <v>45.71223021582734</v>
      </c>
      <c r="I37" s="28">
        <v>45.381294964028783</v>
      </c>
      <c r="J37" s="28">
        <v>1.2230215827338129</v>
      </c>
      <c r="K37" s="28">
        <v>2.6474820143884892</v>
      </c>
      <c r="L37" s="28">
        <v>1.2805755395683454</v>
      </c>
      <c r="M37" s="28">
        <v>0.51798561151079137</v>
      </c>
      <c r="N37" s="28">
        <v>5.7553956834532377E-2</v>
      </c>
      <c r="O37" s="28">
        <v>0.41726618705035967</v>
      </c>
      <c r="P37" s="28">
        <v>4.9928057553956835</v>
      </c>
      <c r="Q37" s="28">
        <v>1.9424460431654678</v>
      </c>
      <c r="R37" s="28">
        <v>1.4388489208633094E-2</v>
      </c>
      <c r="S37" s="28">
        <v>2968.3453237410072</v>
      </c>
      <c r="T37" s="28">
        <v>93.640287769784166</v>
      </c>
      <c r="U37" s="28">
        <v>44.431654676258994</v>
      </c>
      <c r="V37" s="28">
        <v>1.3093525179856116</v>
      </c>
    </row>
    <row r="38" spans="1:22" x14ac:dyDescent="0.7">
      <c r="A38" s="1" t="s">
        <v>66</v>
      </c>
      <c r="B38" s="28">
        <v>485.3455723542117</v>
      </c>
      <c r="C38" s="28">
        <v>46.015118790496757</v>
      </c>
      <c r="D38" s="28">
        <v>40.85313174946004</v>
      </c>
      <c r="E38" s="28">
        <v>4.3736501079913603</v>
      </c>
      <c r="F38" s="28">
        <v>122.87257019438445</v>
      </c>
      <c r="G38" s="28">
        <v>52.667386609071279</v>
      </c>
      <c r="H38" s="28">
        <v>39.848812095032393</v>
      </c>
      <c r="I38" s="28">
        <v>37.926565874730024</v>
      </c>
      <c r="J38" s="28">
        <v>1.1663066954643628</v>
      </c>
      <c r="K38" s="28">
        <v>1.7278617710583155</v>
      </c>
      <c r="L38" s="28">
        <v>0.80993520518358531</v>
      </c>
      <c r="M38" s="28">
        <v>0.43196544276457888</v>
      </c>
      <c r="N38" s="28">
        <v>4.3196544276457881E-2</v>
      </c>
      <c r="O38" s="28">
        <v>0.32397408207343409</v>
      </c>
      <c r="P38" s="28">
        <v>5.1187904967602593</v>
      </c>
      <c r="Q38" s="28">
        <v>2.2786177105831533</v>
      </c>
      <c r="R38" s="28">
        <v>5.399568034557236E-2</v>
      </c>
      <c r="S38" s="28">
        <v>2989.2008639308851</v>
      </c>
      <c r="T38" s="28">
        <v>85.928725701943847</v>
      </c>
      <c r="U38" s="28">
        <v>43.552915766738664</v>
      </c>
      <c r="V38" s="28">
        <v>0.82073434125269973</v>
      </c>
    </row>
    <row r="39" spans="1:22" x14ac:dyDescent="0.7">
      <c r="A39" s="1" t="s">
        <v>67</v>
      </c>
      <c r="B39" s="28">
        <v>462.50968241673121</v>
      </c>
      <c r="C39" s="28">
        <v>45.894655305964363</v>
      </c>
      <c r="D39" s="28">
        <v>35.081332300542215</v>
      </c>
      <c r="E39" s="28">
        <v>3.9504260263361735</v>
      </c>
      <c r="F39" s="28">
        <v>117.84663051897755</v>
      </c>
      <c r="G39" s="28">
        <v>50.704879938032533</v>
      </c>
      <c r="H39" s="28">
        <v>41.866769945778465</v>
      </c>
      <c r="I39" s="28">
        <v>41.068938807126258</v>
      </c>
      <c r="J39" s="28">
        <v>0.88303640588690935</v>
      </c>
      <c r="K39" s="28">
        <v>2.161115414407436</v>
      </c>
      <c r="L39" s="28">
        <v>1.0147172734314485</v>
      </c>
      <c r="M39" s="28">
        <v>0.50348567002323785</v>
      </c>
      <c r="N39" s="28">
        <v>3.8729666924864452E-2</v>
      </c>
      <c r="O39" s="28">
        <v>0.34082106893880715</v>
      </c>
      <c r="P39" s="28">
        <v>5.0348567002323774</v>
      </c>
      <c r="Q39" s="28">
        <v>1.9829589465530597</v>
      </c>
      <c r="R39" s="28">
        <v>6.9713400464756006E-2</v>
      </c>
      <c r="S39" s="28">
        <v>2953.5243996901627</v>
      </c>
      <c r="T39" s="28">
        <v>86.715724244771508</v>
      </c>
      <c r="U39" s="28">
        <v>41.696359411309061</v>
      </c>
      <c r="V39" s="28">
        <v>0.93725793958171955</v>
      </c>
    </row>
    <row r="40" spans="1:22" x14ac:dyDescent="0.7">
      <c r="A40" s="1" t="s">
        <v>68</v>
      </c>
      <c r="B40" s="28">
        <v>496.45645645645641</v>
      </c>
      <c r="C40" s="28">
        <v>43.453453453453456</v>
      </c>
      <c r="D40" s="28">
        <v>31.381381381381381</v>
      </c>
      <c r="E40" s="28">
        <v>3.7837837837837838</v>
      </c>
      <c r="F40" s="28">
        <v>131.42642642642645</v>
      </c>
      <c r="G40" s="28">
        <v>71.336336336336331</v>
      </c>
      <c r="H40" s="28">
        <v>48.168168168168172</v>
      </c>
      <c r="I40" s="28">
        <v>43.618618618618619</v>
      </c>
      <c r="J40" s="28">
        <v>0.54054054054054057</v>
      </c>
      <c r="K40" s="28">
        <v>3.333333333333333</v>
      </c>
      <c r="L40" s="28">
        <v>1.8318318318318318</v>
      </c>
      <c r="M40" s="28">
        <v>0.64564564564564564</v>
      </c>
      <c r="N40" s="28">
        <v>7.5075075075075076E-2</v>
      </c>
      <c r="O40" s="28">
        <v>0.60060060060060061</v>
      </c>
      <c r="P40" s="28">
        <v>5.7207207207207205</v>
      </c>
      <c r="Q40" s="28">
        <v>1.5915915915915915</v>
      </c>
      <c r="R40" s="28">
        <v>3.003003003003003E-2</v>
      </c>
      <c r="S40" s="28">
        <v>3046.5465465465463</v>
      </c>
      <c r="T40" s="28">
        <v>102.70270270270269</v>
      </c>
      <c r="U40" s="28">
        <v>56.831831831831835</v>
      </c>
      <c r="V40" s="28">
        <v>1.6216216216216215</v>
      </c>
    </row>
    <row r="41" spans="1:22" x14ac:dyDescent="0.7">
      <c r="A41" s="1" t="s">
        <v>69</v>
      </c>
      <c r="B41" s="28">
        <v>412.56123848716442</v>
      </c>
      <c r="C41" s="28">
        <v>38.739956888105034</v>
      </c>
      <c r="D41" s="28">
        <v>22.373113854595339</v>
      </c>
      <c r="E41" s="28">
        <v>6.2316284538506768</v>
      </c>
      <c r="F41" s="28">
        <v>106.93121693121694</v>
      </c>
      <c r="G41" s="28">
        <v>48.512639623750736</v>
      </c>
      <c r="H41" s="28">
        <v>34.346462864981383</v>
      </c>
      <c r="I41" s="28">
        <v>41.434450323339213</v>
      </c>
      <c r="J41" s="28">
        <v>0.79757005682931614</v>
      </c>
      <c r="K41" s="28">
        <v>1.3991769547325101</v>
      </c>
      <c r="L41" s="28">
        <v>0.69174995100921033</v>
      </c>
      <c r="M41" s="28">
        <v>0.31941994904957871</v>
      </c>
      <c r="N41" s="28">
        <v>6.8587105624142664E-2</v>
      </c>
      <c r="O41" s="28">
        <v>0.22339800117577896</v>
      </c>
      <c r="P41" s="28">
        <v>2.5161669606114052</v>
      </c>
      <c r="Q41" s="28">
        <v>2.3221634332745444</v>
      </c>
      <c r="R41" s="28">
        <v>4.5071526553008029E-2</v>
      </c>
      <c r="S41" s="28">
        <v>2427.3956496178721</v>
      </c>
      <c r="T41" s="28">
        <v>72.541642171271803</v>
      </c>
      <c r="U41" s="28">
        <v>41.103272584754066</v>
      </c>
      <c r="V41" s="28">
        <v>0.76425631981187525</v>
      </c>
    </row>
    <row r="42" spans="1:22" x14ac:dyDescent="0.7">
      <c r="A42" s="1" t="s">
        <v>70</v>
      </c>
      <c r="B42" s="28">
        <v>450.50314465408803</v>
      </c>
      <c r="C42" s="28">
        <v>42.465408805031444</v>
      </c>
      <c r="D42" s="28">
        <v>33.534591194968549</v>
      </c>
      <c r="E42" s="28">
        <v>2.9685534591194971</v>
      </c>
      <c r="F42" s="28">
        <v>117.23270440251572</v>
      </c>
      <c r="G42" s="28">
        <v>52.477987421383645</v>
      </c>
      <c r="H42" s="28">
        <v>38.742138364779876</v>
      </c>
      <c r="I42" s="28">
        <v>43.572327044025151</v>
      </c>
      <c r="J42" s="28">
        <v>0.57861635220125784</v>
      </c>
      <c r="K42" s="28">
        <v>2.050314465408805</v>
      </c>
      <c r="L42" s="28">
        <v>1.1446540880503144</v>
      </c>
      <c r="M42" s="28">
        <v>0.55345911949685533</v>
      </c>
      <c r="N42" s="28">
        <v>2.5157232704402517E-2</v>
      </c>
      <c r="O42" s="28">
        <v>0.38993710691823896</v>
      </c>
      <c r="P42" s="28">
        <v>6.1761006289308176</v>
      </c>
      <c r="Q42" s="28">
        <v>1.9622641509433962</v>
      </c>
      <c r="R42" s="28">
        <v>3.7735849056603772E-2</v>
      </c>
      <c r="S42" s="28">
        <v>2664.1509433962265</v>
      </c>
      <c r="T42" s="28">
        <v>89.911949685534594</v>
      </c>
      <c r="U42" s="28">
        <v>43.20754716981132</v>
      </c>
      <c r="V42" s="28">
        <v>1.0314465408805031</v>
      </c>
    </row>
    <row r="43" spans="1:22" x14ac:dyDescent="0.7">
      <c r="A43" s="1" t="s">
        <v>71</v>
      </c>
      <c r="B43" s="28">
        <v>460.7892659826361</v>
      </c>
      <c r="C43" s="28">
        <v>43.425414364640879</v>
      </c>
      <c r="D43" s="28">
        <v>28.066298342541437</v>
      </c>
      <c r="E43" s="28">
        <v>3.0781373322809786</v>
      </c>
      <c r="F43" s="28">
        <v>121.98895027624309</v>
      </c>
      <c r="G43" s="28">
        <v>54.451460142067873</v>
      </c>
      <c r="H43" s="28">
        <v>42.186266771902133</v>
      </c>
      <c r="I43" s="28">
        <v>47.813733228097867</v>
      </c>
      <c r="J43" s="28">
        <v>0.75769534333070243</v>
      </c>
      <c r="K43" s="28">
        <v>2.5098658247829517</v>
      </c>
      <c r="L43" s="28">
        <v>1.4522494080505131</v>
      </c>
      <c r="M43" s="28">
        <v>0.62352012628255715</v>
      </c>
      <c r="N43" s="28">
        <v>6.3141278610891874E-2</v>
      </c>
      <c r="O43" s="28">
        <v>0.31570639305445936</v>
      </c>
      <c r="P43" s="28">
        <v>6.4483030781373323</v>
      </c>
      <c r="Q43" s="28">
        <v>1.3733228097868981</v>
      </c>
      <c r="R43" s="28">
        <v>3.1570639305445937E-2</v>
      </c>
      <c r="S43" s="28">
        <v>2747.4348855564322</v>
      </c>
      <c r="T43" s="28">
        <v>94.301499605367013</v>
      </c>
      <c r="U43" s="28">
        <v>43.417521704814526</v>
      </c>
      <c r="V43" s="28">
        <v>0.93922651933701662</v>
      </c>
    </row>
    <row r="44" spans="1:22" x14ac:dyDescent="0.7">
      <c r="A44" s="1" t="s">
        <v>72</v>
      </c>
      <c r="B44" s="28">
        <v>425.65242832065536</v>
      </c>
      <c r="C44" s="28">
        <v>43.013458162668229</v>
      </c>
      <c r="D44" s="28">
        <v>23.276770040959626</v>
      </c>
      <c r="E44" s="28">
        <v>3.3469865418373321</v>
      </c>
      <c r="F44" s="28">
        <v>110.20479812755998</v>
      </c>
      <c r="G44" s="28">
        <v>47.004095962551197</v>
      </c>
      <c r="H44" s="28">
        <v>38.560561732007024</v>
      </c>
      <c r="I44" s="28">
        <v>41.328262141603275</v>
      </c>
      <c r="J44" s="28">
        <v>0.56758338209479231</v>
      </c>
      <c r="K44" s="28">
        <v>1.930953774136922</v>
      </c>
      <c r="L44" s="28">
        <v>0.994733762434172</v>
      </c>
      <c r="M44" s="28">
        <v>0.4271503803393798</v>
      </c>
      <c r="N44" s="28">
        <v>5.2662375658279699E-2</v>
      </c>
      <c r="O44" s="28">
        <v>0.30427150380339379</v>
      </c>
      <c r="P44" s="28">
        <v>5.3071971913399656</v>
      </c>
      <c r="Q44" s="28">
        <v>1.7554125219426564</v>
      </c>
      <c r="R44" s="28">
        <v>5.8513750731421885E-2</v>
      </c>
      <c r="S44" s="28">
        <v>2640.1404330017554</v>
      </c>
      <c r="T44" s="28">
        <v>83.826799297834995</v>
      </c>
      <c r="U44" s="28">
        <v>37.09186658864833</v>
      </c>
      <c r="V44" s="28">
        <v>0.96547688706846102</v>
      </c>
    </row>
    <row r="45" spans="1:22" x14ac:dyDescent="0.7">
      <c r="A45" s="1" t="s">
        <v>73</v>
      </c>
      <c r="B45" s="28">
        <v>461.57846715328463</v>
      </c>
      <c r="C45" s="28">
        <v>44.698905109489054</v>
      </c>
      <c r="D45" s="28">
        <v>25.839416058394161</v>
      </c>
      <c r="E45" s="28">
        <v>3.5948905109489053</v>
      </c>
      <c r="F45" s="28">
        <v>115.01824817518248</v>
      </c>
      <c r="G45" s="28">
        <v>57.445255474452551</v>
      </c>
      <c r="H45" s="28">
        <v>42.217153284671539</v>
      </c>
      <c r="I45" s="28">
        <v>42.801094890510946</v>
      </c>
      <c r="J45" s="28">
        <v>1.2864963503649633</v>
      </c>
      <c r="K45" s="28">
        <v>2.3722627737226278</v>
      </c>
      <c r="L45" s="28">
        <v>1.1587591240875912</v>
      </c>
      <c r="M45" s="28">
        <v>0.49270072992700731</v>
      </c>
      <c r="N45" s="28">
        <v>4.5620437956204386E-2</v>
      </c>
      <c r="O45" s="28">
        <v>0.3010948905109489</v>
      </c>
      <c r="P45" s="28">
        <v>5.1916058394160585</v>
      </c>
      <c r="Q45" s="28">
        <v>2.3448905109489053</v>
      </c>
      <c r="R45" s="28">
        <v>6.3868613138686137E-2</v>
      </c>
      <c r="S45" s="28">
        <v>2762.7737226277372</v>
      </c>
      <c r="T45" s="28">
        <v>88.321167883211686</v>
      </c>
      <c r="U45" s="28">
        <v>43.211678832116789</v>
      </c>
      <c r="V45" s="28">
        <v>1.1496350364963503</v>
      </c>
    </row>
    <row r="46" spans="1:22" x14ac:dyDescent="0.7">
      <c r="A46" s="1" t="s">
        <v>74</v>
      </c>
      <c r="B46" s="28">
        <v>469.67370441458735</v>
      </c>
      <c r="C46" s="28">
        <v>46.641074856046068</v>
      </c>
      <c r="D46" s="28">
        <v>26.823416506717852</v>
      </c>
      <c r="E46" s="28">
        <v>3.3301343570057584</v>
      </c>
      <c r="F46" s="28">
        <v>117.73512476007677</v>
      </c>
      <c r="G46" s="28">
        <v>62.466410748560456</v>
      </c>
      <c r="H46" s="28">
        <v>46.209213051823411</v>
      </c>
      <c r="I46" s="28">
        <v>46.007677543186183</v>
      </c>
      <c r="J46" s="28">
        <v>0.84452975047984646</v>
      </c>
      <c r="K46" s="28">
        <v>2.2264875239923225</v>
      </c>
      <c r="L46" s="28">
        <v>1.2667946257197695</v>
      </c>
      <c r="M46" s="28">
        <v>0.48944337811900196</v>
      </c>
      <c r="N46" s="28">
        <v>6.71785028790787E-2</v>
      </c>
      <c r="O46" s="28">
        <v>0.32629558541266795</v>
      </c>
      <c r="P46" s="28">
        <v>6.362763915547025</v>
      </c>
      <c r="Q46" s="28">
        <v>2.3416506717850289</v>
      </c>
      <c r="R46" s="28">
        <v>4.7984644913627639E-2</v>
      </c>
      <c r="S46" s="28">
        <v>2921.3051823416508</v>
      </c>
      <c r="T46" s="28">
        <v>89.740882917466408</v>
      </c>
      <c r="U46" s="28">
        <v>52.965451055662186</v>
      </c>
      <c r="V46" s="28">
        <v>1.1036468330134357</v>
      </c>
    </row>
    <row r="47" spans="1:22" x14ac:dyDescent="0.7">
      <c r="A47" s="1" t="s">
        <v>75</v>
      </c>
      <c r="B47" s="28">
        <v>463.47966429954812</v>
      </c>
      <c r="C47" s="28">
        <v>41.588121368624925</v>
      </c>
      <c r="D47" s="28">
        <v>29.238218205293737</v>
      </c>
      <c r="E47" s="28">
        <v>3.1762427372498383</v>
      </c>
      <c r="F47" s="28">
        <v>121.60748870238865</v>
      </c>
      <c r="G47" s="28">
        <v>55.752098127824404</v>
      </c>
      <c r="H47" s="28">
        <v>43.105229180116204</v>
      </c>
      <c r="I47" s="28">
        <v>47.282117495158168</v>
      </c>
      <c r="J47" s="28">
        <v>0.86507424144609424</v>
      </c>
      <c r="K47" s="28">
        <v>3.169786959328599</v>
      </c>
      <c r="L47" s="28">
        <v>1.4202711426726919</v>
      </c>
      <c r="M47" s="28">
        <v>0.57456423499031628</v>
      </c>
      <c r="N47" s="28">
        <v>3.873466752743706E-2</v>
      </c>
      <c r="O47" s="28">
        <v>0.40671400903808907</v>
      </c>
      <c r="P47" s="28">
        <v>6.5074241446094252</v>
      </c>
      <c r="Q47" s="28">
        <v>2.7953518398967074</v>
      </c>
      <c r="R47" s="28">
        <v>3.2278889606197549E-2</v>
      </c>
      <c r="S47" s="28">
        <v>2907.0367979341509</v>
      </c>
      <c r="T47" s="28">
        <v>92.61459005810201</v>
      </c>
      <c r="U47" s="28">
        <v>43.61523563589413</v>
      </c>
      <c r="V47" s="28">
        <v>1.2459651387992254</v>
      </c>
    </row>
    <row r="48" spans="1:22" x14ac:dyDescent="0.7">
      <c r="A48" s="1" t="s">
        <v>76</v>
      </c>
      <c r="B48" s="28">
        <v>433.19482288828334</v>
      </c>
      <c r="C48" s="28">
        <v>18.835149863760218</v>
      </c>
      <c r="D48" s="28">
        <v>5.3269754768392366</v>
      </c>
      <c r="E48" s="28">
        <v>98.62397820163487</v>
      </c>
      <c r="F48" s="28">
        <v>70.797002724795632</v>
      </c>
      <c r="G48" s="28">
        <v>38.835149863760222</v>
      </c>
      <c r="H48" s="28">
        <v>40.994550408719341</v>
      </c>
      <c r="I48" s="28">
        <v>44.400544959128062</v>
      </c>
      <c r="J48" s="28">
        <v>1.0286103542234333</v>
      </c>
      <c r="K48" s="28">
        <v>1.8119891008174387</v>
      </c>
      <c r="L48" s="28">
        <v>1.0217983651226159</v>
      </c>
      <c r="M48" s="28">
        <v>0.43596730245231607</v>
      </c>
      <c r="N48" s="28">
        <v>5.4495912806539509E-2</v>
      </c>
      <c r="O48" s="28">
        <v>0.26566757493188009</v>
      </c>
      <c r="P48" s="28">
        <v>2.9564032697547682</v>
      </c>
      <c r="Q48" s="28">
        <v>2.9904632152588557</v>
      </c>
      <c r="R48" s="28">
        <v>7.4931880108991822E-2</v>
      </c>
      <c r="S48" s="28">
        <v>1819.4822888283379</v>
      </c>
      <c r="T48" s="28">
        <v>77.643051771117172</v>
      </c>
      <c r="U48" s="28">
        <v>57.867847411444139</v>
      </c>
      <c r="V48" s="28">
        <v>0.52452316076294281</v>
      </c>
    </row>
  </sheetData>
  <phoneticPr fontId="1"/>
  <hyperlinks>
    <hyperlink ref="X6" r:id="rId1" location="SSDSE-E" xr:uid="{3D044BF4-2C39-496A-82E1-3B749F1D6F2D}"/>
  </hyperlink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AB9742-0CF1-4355-A82A-3375129DF7AD}">
  <sheetPr>
    <tabColor theme="6" tint="0.39997558519241921"/>
  </sheetPr>
  <dimension ref="A1:DC144"/>
  <sheetViews>
    <sheetView workbookViewId="0">
      <selection activeCell="BP15" sqref="BP15"/>
    </sheetView>
  </sheetViews>
  <sheetFormatPr defaultRowHeight="17.649999999999999" x14ac:dyDescent="0.7"/>
  <cols>
    <col min="1" max="18" width="9" style="1"/>
  </cols>
  <sheetData>
    <row r="1" spans="1:107" x14ac:dyDescent="0.7">
      <c r="B1" s="1" t="s">
        <v>188</v>
      </c>
      <c r="C1" s="1" t="s">
        <v>133</v>
      </c>
      <c r="D1" s="1" t="s">
        <v>134</v>
      </c>
      <c r="E1" s="1" t="s">
        <v>135</v>
      </c>
      <c r="F1" s="1" t="s">
        <v>136</v>
      </c>
      <c r="G1" s="1" t="s">
        <v>137</v>
      </c>
      <c r="H1" s="1" t="s">
        <v>138</v>
      </c>
      <c r="I1" s="1" t="s">
        <v>139</v>
      </c>
      <c r="J1" s="1" t="s">
        <v>140</v>
      </c>
      <c r="K1" s="1" t="s">
        <v>141</v>
      </c>
      <c r="L1" s="1" t="s">
        <v>142</v>
      </c>
      <c r="M1" s="1" t="s">
        <v>143</v>
      </c>
      <c r="N1" s="1" t="s">
        <v>144</v>
      </c>
      <c r="O1" s="1" t="s">
        <v>145</v>
      </c>
      <c r="P1" s="1" t="s">
        <v>146</v>
      </c>
      <c r="Q1" s="1" t="s">
        <v>147</v>
      </c>
      <c r="R1" s="1" t="s">
        <v>148</v>
      </c>
      <c r="S1" s="1" t="s">
        <v>149</v>
      </c>
      <c r="T1" s="1" t="s">
        <v>150</v>
      </c>
      <c r="U1" s="1" t="s">
        <v>151</v>
      </c>
      <c r="V1" s="1" t="s">
        <v>152</v>
      </c>
      <c r="W1" s="1" t="s">
        <v>153</v>
      </c>
      <c r="X1" s="1" t="s">
        <v>154</v>
      </c>
      <c r="Y1" s="1" t="s">
        <v>155</v>
      </c>
      <c r="Z1" s="1" t="s">
        <v>156</v>
      </c>
      <c r="AA1" s="1" t="s">
        <v>157</v>
      </c>
      <c r="AB1" s="1" t="s">
        <v>158</v>
      </c>
      <c r="AC1" s="1" t="s">
        <v>159</v>
      </c>
      <c r="AD1" s="1" t="s">
        <v>160</v>
      </c>
      <c r="AE1" s="1" t="s">
        <v>161</v>
      </c>
      <c r="AF1" s="1" t="s">
        <v>162</v>
      </c>
      <c r="AG1" s="1" t="s">
        <v>163</v>
      </c>
      <c r="AH1" s="1" t="s">
        <v>164</v>
      </c>
      <c r="AI1" s="1" t="s">
        <v>165</v>
      </c>
      <c r="AJ1" s="1" t="s">
        <v>166</v>
      </c>
      <c r="AK1" s="1" t="s">
        <v>167</v>
      </c>
      <c r="AL1" s="1" t="s">
        <v>168</v>
      </c>
      <c r="AM1" s="1"/>
      <c r="AN1" s="1" t="s">
        <v>169</v>
      </c>
      <c r="AO1" s="1" t="s">
        <v>170</v>
      </c>
      <c r="AP1" s="1" t="s">
        <v>171</v>
      </c>
      <c r="AQ1" s="1" t="s">
        <v>172</v>
      </c>
      <c r="AR1" s="1" t="s">
        <v>173</v>
      </c>
      <c r="AS1" s="1" t="s">
        <v>174</v>
      </c>
      <c r="AT1" s="1" t="s">
        <v>175</v>
      </c>
      <c r="AU1" s="1" t="s">
        <v>176</v>
      </c>
      <c r="AV1" s="1" t="s">
        <v>177</v>
      </c>
      <c r="AW1" s="1" t="s">
        <v>178</v>
      </c>
      <c r="AX1" s="1" t="s">
        <v>179</v>
      </c>
      <c r="AY1" s="1" t="s">
        <v>180</v>
      </c>
      <c r="AZ1" s="1" t="s">
        <v>181</v>
      </c>
      <c r="BA1" s="1" t="s">
        <v>182</v>
      </c>
      <c r="BB1" s="1"/>
      <c r="BC1" s="1" t="s">
        <v>183</v>
      </c>
      <c r="BD1" s="1" t="s">
        <v>184</v>
      </c>
      <c r="BE1" s="1" t="s">
        <v>185</v>
      </c>
      <c r="BF1" s="1" t="s">
        <v>186</v>
      </c>
      <c r="BG1" s="1" t="s">
        <v>187</v>
      </c>
      <c r="BH1" s="1"/>
      <c r="BI1" s="1"/>
      <c r="BJ1" s="1"/>
      <c r="BK1" s="1"/>
      <c r="BL1" s="1"/>
      <c r="BM1" s="1"/>
      <c r="BN1" s="1"/>
      <c r="BO1" s="1"/>
      <c r="BP1" s="1"/>
      <c r="BQ1" s="1"/>
      <c r="BR1" s="1"/>
      <c r="BS1" s="1"/>
      <c r="BT1" s="1"/>
      <c r="BU1" s="1"/>
      <c r="BV1" s="1"/>
      <c r="BW1" s="1"/>
      <c r="BX1" s="1"/>
      <c r="BY1" s="1"/>
      <c r="BZ1" s="1"/>
      <c r="CA1" s="1"/>
      <c r="CB1" s="1"/>
      <c r="CC1" s="1"/>
      <c r="CD1" s="1"/>
      <c r="CE1" s="1"/>
      <c r="CF1" s="1"/>
      <c r="CG1" s="1"/>
      <c r="CH1" s="1"/>
      <c r="CI1" s="1"/>
      <c r="CJ1" s="1"/>
      <c r="CK1" s="1"/>
      <c r="CL1" s="1"/>
      <c r="CM1" s="1"/>
      <c r="CN1" s="1"/>
      <c r="CO1" s="1"/>
      <c r="CP1" s="1"/>
      <c r="CQ1" s="1"/>
      <c r="CR1" s="1"/>
      <c r="CS1" s="1"/>
      <c r="CT1" s="1"/>
      <c r="CU1" s="1"/>
      <c r="CV1" s="1"/>
      <c r="CW1" s="1"/>
      <c r="CX1" s="1"/>
      <c r="CY1" s="1"/>
      <c r="CZ1" s="1"/>
      <c r="DB1" s="1"/>
      <c r="DC1" s="1"/>
    </row>
    <row r="2" spans="1:107" x14ac:dyDescent="0.7">
      <c r="A2" s="1" t="s">
        <v>30</v>
      </c>
      <c r="B2" s="1">
        <v>62.2</v>
      </c>
      <c r="C2" s="1">
        <v>8.8000000000000007</v>
      </c>
      <c r="D2" s="1">
        <v>8.3000000000000007</v>
      </c>
      <c r="E2" s="1">
        <v>6.1</v>
      </c>
      <c r="F2" s="1">
        <v>7.5</v>
      </c>
      <c r="G2" s="1">
        <v>9.6999999999999993</v>
      </c>
      <c r="H2" s="1">
        <v>40.6</v>
      </c>
      <c r="I2" s="1">
        <v>5</v>
      </c>
      <c r="J2" s="1">
        <v>15.5</v>
      </c>
      <c r="K2" s="1">
        <v>8.8000000000000007</v>
      </c>
      <c r="L2" s="1">
        <v>4.5999999999999996</v>
      </c>
      <c r="M2" s="1">
        <v>23.3</v>
      </c>
      <c r="N2" s="1">
        <v>3.9</v>
      </c>
      <c r="O2" s="1">
        <v>5.6</v>
      </c>
      <c r="P2" s="1">
        <v>51.9</v>
      </c>
      <c r="Q2" s="1">
        <v>9.5</v>
      </c>
      <c r="R2" s="1">
        <v>14.8</v>
      </c>
      <c r="S2" s="1">
        <v>5.9</v>
      </c>
      <c r="T2" s="1">
        <v>10.7</v>
      </c>
      <c r="U2" s="1">
        <v>18.7</v>
      </c>
      <c r="V2" s="1">
        <v>27</v>
      </c>
      <c r="W2" s="1">
        <v>12.4</v>
      </c>
      <c r="X2" s="1">
        <v>3.1</v>
      </c>
      <c r="Y2" s="1">
        <v>1.3</v>
      </c>
      <c r="Z2" s="1">
        <v>35.5</v>
      </c>
      <c r="AA2" s="1">
        <v>7.8</v>
      </c>
      <c r="AB2" s="1">
        <v>44.2</v>
      </c>
      <c r="AC2" s="1">
        <v>16.3</v>
      </c>
      <c r="AD2" s="1">
        <v>9.1</v>
      </c>
      <c r="AE2" s="1">
        <v>16.3</v>
      </c>
      <c r="AF2" s="1">
        <v>51</v>
      </c>
      <c r="AG2" s="1">
        <v>40.299999999999997</v>
      </c>
      <c r="AH2" s="1">
        <v>34.700000000000003</v>
      </c>
      <c r="AI2" s="1">
        <v>34.5</v>
      </c>
      <c r="AJ2" s="1">
        <v>24.7</v>
      </c>
      <c r="AK2" s="1">
        <v>18.2</v>
      </c>
      <c r="AL2" s="1">
        <v>0.4</v>
      </c>
      <c r="AM2" s="1"/>
      <c r="AN2" s="1">
        <v>480</v>
      </c>
      <c r="AO2" s="1">
        <v>24</v>
      </c>
      <c r="AP2" s="1">
        <v>199</v>
      </c>
      <c r="AQ2" s="1">
        <v>31</v>
      </c>
      <c r="AR2" s="1">
        <v>86</v>
      </c>
      <c r="AS2" s="1">
        <v>3</v>
      </c>
      <c r="AT2" s="1">
        <v>13</v>
      </c>
      <c r="AU2" s="1">
        <v>155</v>
      </c>
      <c r="AV2" s="1">
        <v>127</v>
      </c>
      <c r="AW2" s="1">
        <v>48</v>
      </c>
      <c r="AX2" s="1">
        <v>11</v>
      </c>
      <c r="AY2" s="1">
        <v>2</v>
      </c>
      <c r="AZ2" s="1">
        <v>10</v>
      </c>
      <c r="BA2" s="1">
        <v>7</v>
      </c>
      <c r="BB2" s="1"/>
      <c r="BC2" s="30">
        <v>0.27291666666666664</v>
      </c>
      <c r="BD2" s="30">
        <v>0.30069444444444443</v>
      </c>
      <c r="BE2" s="30">
        <v>0.77500000000000002</v>
      </c>
      <c r="BF2" s="30">
        <v>0.95138888888888884</v>
      </c>
      <c r="BG2" s="30">
        <v>0.34652777777777777</v>
      </c>
      <c r="BH2" s="1"/>
      <c r="BI2" s="1"/>
      <c r="BJ2" s="1"/>
      <c r="BK2" s="1"/>
      <c r="BL2" s="1"/>
      <c r="BM2" s="1"/>
      <c r="BN2" s="1"/>
      <c r="BO2" s="1"/>
      <c r="BP2" s="1"/>
      <c r="BQ2" s="1"/>
      <c r="BR2" s="1"/>
      <c r="BS2" s="25" t="s">
        <v>129</v>
      </c>
      <c r="BT2" s="1"/>
      <c r="BU2" s="1"/>
      <c r="BV2" s="1"/>
      <c r="BW2" s="1"/>
      <c r="BX2" s="1"/>
      <c r="BY2" s="1"/>
      <c r="BZ2" s="1"/>
      <c r="CA2" s="1"/>
      <c r="CB2" s="1"/>
      <c r="CC2" s="1"/>
      <c r="CD2" s="1"/>
      <c r="CE2" s="1"/>
      <c r="CF2" s="1"/>
      <c r="CG2" s="1"/>
      <c r="CH2" s="1"/>
      <c r="CI2" s="1"/>
      <c r="CJ2" s="1"/>
      <c r="CK2" s="1"/>
      <c r="CL2" s="1"/>
      <c r="CM2" s="1"/>
      <c r="CN2" s="1"/>
      <c r="CO2" s="1"/>
      <c r="CP2" s="1"/>
      <c r="CQ2" s="1"/>
      <c r="CR2" s="1"/>
      <c r="CS2" s="1"/>
      <c r="CT2" s="1"/>
      <c r="CU2" s="1"/>
      <c r="CV2" s="1"/>
      <c r="CW2" s="1"/>
      <c r="CX2" s="1"/>
      <c r="CY2" s="1"/>
      <c r="CZ2" s="1"/>
      <c r="DB2" s="1"/>
      <c r="DC2" s="1"/>
    </row>
    <row r="3" spans="1:107" x14ac:dyDescent="0.7">
      <c r="A3" s="1" t="s">
        <v>31</v>
      </c>
      <c r="B3" s="1">
        <v>52.1</v>
      </c>
      <c r="C3" s="1">
        <v>9.4</v>
      </c>
      <c r="D3" s="1">
        <v>4.4000000000000004</v>
      </c>
      <c r="E3" s="1">
        <v>4</v>
      </c>
      <c r="F3" s="1">
        <v>4</v>
      </c>
      <c r="G3" s="1">
        <v>8.1</v>
      </c>
      <c r="H3" s="1">
        <v>32</v>
      </c>
      <c r="I3" s="1">
        <v>2.7</v>
      </c>
      <c r="J3" s="1">
        <v>11.9</v>
      </c>
      <c r="K3" s="1">
        <v>8.4</v>
      </c>
      <c r="L3" s="1">
        <v>3.2</v>
      </c>
      <c r="M3" s="1">
        <v>21.1</v>
      </c>
      <c r="N3" s="1">
        <v>1.9</v>
      </c>
      <c r="O3" s="1">
        <v>3.4</v>
      </c>
      <c r="P3" s="1">
        <v>43.4</v>
      </c>
      <c r="Q3" s="1">
        <v>5.5</v>
      </c>
      <c r="R3" s="1">
        <v>10.9</v>
      </c>
      <c r="S3" s="1">
        <v>4.0999999999999996</v>
      </c>
      <c r="T3" s="1">
        <v>8.3000000000000007</v>
      </c>
      <c r="U3" s="1">
        <v>13.9</v>
      </c>
      <c r="V3" s="1">
        <v>24.4</v>
      </c>
      <c r="W3" s="1">
        <v>10.3</v>
      </c>
      <c r="X3" s="1">
        <v>1.7</v>
      </c>
      <c r="Y3" s="1">
        <v>0.9</v>
      </c>
      <c r="Z3" s="1">
        <v>29.3</v>
      </c>
      <c r="AA3" s="1">
        <v>7.6</v>
      </c>
      <c r="AB3" s="1">
        <v>34.4</v>
      </c>
      <c r="AC3" s="1">
        <v>10.7</v>
      </c>
      <c r="AD3" s="1">
        <v>5.3</v>
      </c>
      <c r="AE3" s="1">
        <v>14</v>
      </c>
      <c r="AF3" s="1">
        <v>36.6</v>
      </c>
      <c r="AG3" s="1">
        <v>30.2</v>
      </c>
      <c r="AH3" s="1">
        <v>19.7</v>
      </c>
      <c r="AI3" s="1">
        <v>19.600000000000001</v>
      </c>
      <c r="AJ3" s="1">
        <v>13.8</v>
      </c>
      <c r="AK3" s="1">
        <v>9</v>
      </c>
      <c r="AL3" s="1">
        <v>0.2</v>
      </c>
      <c r="AM3" s="1"/>
      <c r="AN3" s="1">
        <v>488</v>
      </c>
      <c r="AO3" s="1">
        <v>23</v>
      </c>
      <c r="AP3" s="1">
        <v>221</v>
      </c>
      <c r="AQ3" s="1">
        <v>34</v>
      </c>
      <c r="AR3" s="1">
        <v>83</v>
      </c>
      <c r="AS3" s="1">
        <v>3</v>
      </c>
      <c r="AT3" s="1">
        <v>10</v>
      </c>
      <c r="AU3" s="1">
        <v>149</v>
      </c>
      <c r="AV3" s="1">
        <v>117</v>
      </c>
      <c r="AW3" s="1">
        <v>42</v>
      </c>
      <c r="AX3" s="1">
        <v>9</v>
      </c>
      <c r="AY3" s="1">
        <v>1</v>
      </c>
      <c r="AZ3" s="1">
        <v>8</v>
      </c>
      <c r="BA3" s="1">
        <v>8</v>
      </c>
      <c r="BB3" s="1"/>
      <c r="BC3" s="30">
        <v>0.26180555555555557</v>
      </c>
      <c r="BD3" s="30">
        <v>0.29097222222222224</v>
      </c>
      <c r="BE3" s="30">
        <v>0.77152777777777781</v>
      </c>
      <c r="BF3" s="30">
        <v>0.93680555555555556</v>
      </c>
      <c r="BG3" s="30">
        <v>0.33958333333333335</v>
      </c>
      <c r="BH3" s="1"/>
      <c r="BI3" s="1"/>
      <c r="BJ3" s="1"/>
      <c r="BK3" s="1"/>
      <c r="BL3" s="1"/>
      <c r="BM3" s="1"/>
      <c r="BN3" s="1"/>
      <c r="BO3" s="1"/>
      <c r="BP3" s="1"/>
      <c r="BQ3" s="1"/>
      <c r="BR3" s="1"/>
      <c r="BS3" s="25" t="s">
        <v>132</v>
      </c>
      <c r="BT3" s="1"/>
      <c r="BU3" s="1"/>
      <c r="BV3" s="1"/>
      <c r="BW3" s="1"/>
      <c r="BX3" s="1"/>
      <c r="BY3" s="1"/>
      <c r="BZ3" s="1"/>
      <c r="CA3" s="1"/>
      <c r="CB3" s="1"/>
      <c r="CC3" s="1"/>
      <c r="CD3" s="1"/>
      <c r="CE3" s="1"/>
      <c r="CF3" s="1"/>
      <c r="CG3" s="1"/>
      <c r="CH3" s="1"/>
      <c r="CI3" s="1"/>
      <c r="CJ3" s="1"/>
      <c r="CK3" s="1"/>
      <c r="CL3" s="1"/>
      <c r="CM3" s="1"/>
      <c r="CN3" s="1"/>
      <c r="CO3" s="1"/>
      <c r="CP3" s="1"/>
      <c r="CQ3" s="1"/>
      <c r="CR3" s="1"/>
      <c r="CS3" s="1"/>
      <c r="CT3" s="1"/>
      <c r="CU3" s="1"/>
      <c r="CV3" s="1"/>
      <c r="CW3" s="1"/>
      <c r="CX3" s="1"/>
      <c r="CY3" s="1"/>
      <c r="CZ3" s="1"/>
      <c r="DB3" s="1"/>
      <c r="DC3" s="1"/>
    </row>
    <row r="4" spans="1:107" x14ac:dyDescent="0.7">
      <c r="A4" s="1" t="s">
        <v>32</v>
      </c>
      <c r="B4" s="1">
        <v>59.1</v>
      </c>
      <c r="C4" s="1">
        <v>9.4</v>
      </c>
      <c r="D4" s="1">
        <v>4</v>
      </c>
      <c r="E4" s="1">
        <v>5.7</v>
      </c>
      <c r="F4" s="1">
        <v>4.4000000000000004</v>
      </c>
      <c r="G4" s="1">
        <v>9.1999999999999993</v>
      </c>
      <c r="H4" s="1">
        <v>35.799999999999997</v>
      </c>
      <c r="I4" s="1">
        <v>3.6</v>
      </c>
      <c r="J4" s="1">
        <v>13.2</v>
      </c>
      <c r="K4" s="1">
        <v>8.9</v>
      </c>
      <c r="L4" s="1">
        <v>4.5</v>
      </c>
      <c r="M4" s="1">
        <v>19.2</v>
      </c>
      <c r="N4" s="1">
        <v>3.8</v>
      </c>
      <c r="O4" s="1">
        <v>4.5</v>
      </c>
      <c r="P4" s="1">
        <v>46</v>
      </c>
      <c r="Q4" s="1">
        <v>7.1</v>
      </c>
      <c r="R4" s="1">
        <v>11.2</v>
      </c>
      <c r="S4" s="1">
        <v>5.7</v>
      </c>
      <c r="T4" s="1">
        <v>10.5</v>
      </c>
      <c r="U4" s="1">
        <v>17.5</v>
      </c>
      <c r="V4" s="1">
        <v>28.8</v>
      </c>
      <c r="W4" s="1">
        <v>12.9</v>
      </c>
      <c r="X4" s="1">
        <v>2.6</v>
      </c>
      <c r="Y4" s="1">
        <v>1.6</v>
      </c>
      <c r="Z4" s="1">
        <v>31.3</v>
      </c>
      <c r="AA4" s="1">
        <v>8</v>
      </c>
      <c r="AB4" s="1">
        <v>36.9</v>
      </c>
      <c r="AC4" s="1">
        <v>8.1999999999999993</v>
      </c>
      <c r="AD4" s="1">
        <v>3.7</v>
      </c>
      <c r="AE4" s="1">
        <v>24.4</v>
      </c>
      <c r="AF4" s="1">
        <v>45.3</v>
      </c>
      <c r="AG4" s="1">
        <v>37.6</v>
      </c>
      <c r="AH4" s="1">
        <v>26</v>
      </c>
      <c r="AI4" s="1">
        <v>25.9</v>
      </c>
      <c r="AJ4" s="1">
        <v>20</v>
      </c>
      <c r="AK4" s="1">
        <v>10.199999999999999</v>
      </c>
      <c r="AL4" s="1">
        <v>0.2</v>
      </c>
      <c r="AM4" s="1"/>
      <c r="AN4" s="1">
        <v>480</v>
      </c>
      <c r="AO4" s="1">
        <v>25</v>
      </c>
      <c r="AP4" s="1">
        <v>218</v>
      </c>
      <c r="AQ4" s="1">
        <v>40</v>
      </c>
      <c r="AR4" s="1">
        <v>85</v>
      </c>
      <c r="AS4" s="1">
        <v>3</v>
      </c>
      <c r="AT4" s="1">
        <v>10</v>
      </c>
      <c r="AU4" s="1">
        <v>138</v>
      </c>
      <c r="AV4" s="1">
        <v>120</v>
      </c>
      <c r="AW4" s="1">
        <v>40</v>
      </c>
      <c r="AX4" s="1">
        <v>11</v>
      </c>
      <c r="AY4" s="1">
        <v>2</v>
      </c>
      <c r="AZ4" s="1">
        <v>7</v>
      </c>
      <c r="BA4" s="1">
        <v>6</v>
      </c>
      <c r="BB4" s="1"/>
      <c r="BC4" s="30">
        <v>0.26458333333333334</v>
      </c>
      <c r="BD4" s="30">
        <v>0.29097222222222224</v>
      </c>
      <c r="BE4" s="30">
        <v>0.78055555555555556</v>
      </c>
      <c r="BF4" s="30">
        <v>0.94097222222222221</v>
      </c>
      <c r="BG4" s="30">
        <v>0.33958333333333335</v>
      </c>
      <c r="BH4" s="1"/>
      <c r="BI4" s="1"/>
      <c r="BJ4" s="1"/>
      <c r="BK4" s="1"/>
      <c r="BL4" s="1"/>
      <c r="BM4" s="1"/>
      <c r="BN4" s="1"/>
      <c r="BO4" s="1"/>
      <c r="BP4" s="1"/>
      <c r="BQ4" s="1"/>
      <c r="BR4" s="1"/>
      <c r="BS4" s="25" t="s">
        <v>131</v>
      </c>
      <c r="BT4" s="1"/>
      <c r="BU4" s="1"/>
      <c r="BV4" s="1"/>
      <c r="BW4" s="1"/>
      <c r="BX4" s="1"/>
      <c r="BY4" s="1"/>
      <c r="BZ4" s="1"/>
      <c r="CA4" s="1"/>
      <c r="CB4" s="1"/>
      <c r="CC4" s="1"/>
      <c r="CD4" s="1"/>
      <c r="CE4" s="1"/>
      <c r="CF4" s="1"/>
      <c r="CG4" s="1"/>
      <c r="CH4" s="1"/>
      <c r="CI4" s="1"/>
      <c r="CJ4" s="1"/>
      <c r="CK4" s="1"/>
      <c r="CL4" s="1"/>
      <c r="CM4" s="1"/>
      <c r="CN4" s="1"/>
      <c r="CO4" s="1"/>
      <c r="CP4" s="1"/>
      <c r="CQ4" s="1"/>
      <c r="CR4" s="1"/>
      <c r="CS4" s="1"/>
      <c r="CT4" s="1"/>
      <c r="CU4" s="1"/>
      <c r="CV4" s="1"/>
      <c r="CW4" s="1"/>
      <c r="CX4" s="1"/>
      <c r="CY4" s="1"/>
      <c r="CZ4" s="1"/>
      <c r="DB4" s="1"/>
      <c r="DC4" s="1"/>
    </row>
    <row r="5" spans="1:107" x14ac:dyDescent="0.7">
      <c r="A5" s="1" t="s">
        <v>33</v>
      </c>
      <c r="B5" s="1">
        <v>64.400000000000006</v>
      </c>
      <c r="C5" s="1">
        <v>9.1</v>
      </c>
      <c r="D5" s="1">
        <v>3.9</v>
      </c>
      <c r="E5" s="1">
        <v>6.4</v>
      </c>
      <c r="F5" s="1">
        <v>6.5</v>
      </c>
      <c r="G5" s="1">
        <v>11.5</v>
      </c>
      <c r="H5" s="1">
        <v>40.9</v>
      </c>
      <c r="I5" s="1">
        <v>4.7</v>
      </c>
      <c r="J5" s="1">
        <v>19.2</v>
      </c>
      <c r="K5" s="1">
        <v>9.1999999999999993</v>
      </c>
      <c r="L5" s="1">
        <v>6.4</v>
      </c>
      <c r="M5" s="1">
        <v>29</v>
      </c>
      <c r="N5" s="1">
        <v>3.8</v>
      </c>
      <c r="O5" s="1">
        <v>5.5</v>
      </c>
      <c r="P5" s="1">
        <v>54.1</v>
      </c>
      <c r="Q5" s="1">
        <v>9.8000000000000007</v>
      </c>
      <c r="R5" s="1">
        <v>13</v>
      </c>
      <c r="S5" s="1">
        <v>5.2</v>
      </c>
      <c r="T5" s="1">
        <v>9.1999999999999993</v>
      </c>
      <c r="U5" s="1">
        <v>20.2</v>
      </c>
      <c r="V5" s="1">
        <v>27.3</v>
      </c>
      <c r="W5" s="1">
        <v>11.4</v>
      </c>
      <c r="X5" s="1">
        <v>2.5</v>
      </c>
      <c r="Y5" s="1">
        <v>1.8</v>
      </c>
      <c r="Z5" s="1">
        <v>38.9</v>
      </c>
      <c r="AA5" s="1">
        <v>7.5</v>
      </c>
      <c r="AB5" s="1">
        <v>42.5</v>
      </c>
      <c r="AC5" s="1">
        <v>17.899999999999999</v>
      </c>
      <c r="AD5" s="1">
        <v>6.2</v>
      </c>
      <c r="AE5" s="1">
        <v>20.7</v>
      </c>
      <c r="AF5" s="1">
        <v>52.2</v>
      </c>
      <c r="AG5" s="1">
        <v>43.3</v>
      </c>
      <c r="AH5" s="1">
        <v>32.200000000000003</v>
      </c>
      <c r="AI5" s="1">
        <v>32</v>
      </c>
      <c r="AJ5" s="1">
        <v>23.3</v>
      </c>
      <c r="AK5" s="1">
        <v>16.3</v>
      </c>
      <c r="AL5" s="1">
        <v>0.3</v>
      </c>
      <c r="AM5" s="1"/>
      <c r="AN5" s="1">
        <v>484</v>
      </c>
      <c r="AO5" s="1">
        <v>30</v>
      </c>
      <c r="AP5" s="1">
        <v>213</v>
      </c>
      <c r="AQ5" s="1">
        <v>38</v>
      </c>
      <c r="AR5" s="1">
        <v>84</v>
      </c>
      <c r="AS5" s="1">
        <v>3</v>
      </c>
      <c r="AT5" s="1">
        <v>12</v>
      </c>
      <c r="AU5" s="1">
        <v>121</v>
      </c>
      <c r="AV5" s="1">
        <v>123</v>
      </c>
      <c r="AW5" s="1">
        <v>53</v>
      </c>
      <c r="AX5" s="1">
        <v>12</v>
      </c>
      <c r="AY5" s="1">
        <v>2</v>
      </c>
      <c r="AZ5" s="1">
        <v>10</v>
      </c>
      <c r="BA5" s="1">
        <v>7</v>
      </c>
      <c r="BB5" s="1"/>
      <c r="BC5" s="30">
        <v>0.27152777777777776</v>
      </c>
      <c r="BD5" s="30">
        <v>0.3</v>
      </c>
      <c r="BE5" s="30">
        <v>0.78402777777777777</v>
      </c>
      <c r="BF5" s="30">
        <v>0.9506944444444444</v>
      </c>
      <c r="BG5" s="30">
        <v>0.33888888888888891</v>
      </c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  <c r="CA5" s="1"/>
      <c r="CB5" s="1"/>
      <c r="CC5" s="1"/>
      <c r="CD5" s="1"/>
      <c r="CE5" s="1"/>
      <c r="CF5" s="1"/>
      <c r="CG5" s="1"/>
      <c r="CH5" s="1"/>
      <c r="CI5" s="1"/>
      <c r="CJ5" s="1"/>
      <c r="CK5" s="1"/>
      <c r="CL5" s="1"/>
      <c r="CM5" s="1"/>
      <c r="CN5" s="1"/>
      <c r="CO5" s="1"/>
      <c r="CP5" s="1"/>
      <c r="CQ5" s="1"/>
      <c r="CR5" s="1"/>
      <c r="CS5" s="1"/>
      <c r="CT5" s="1"/>
      <c r="CU5" s="1"/>
      <c r="CV5" s="1"/>
      <c r="CW5" s="1"/>
      <c r="CX5" s="1"/>
      <c r="CY5" s="1"/>
      <c r="CZ5" s="1"/>
      <c r="DB5" s="1"/>
      <c r="DC5" s="1"/>
    </row>
    <row r="6" spans="1:107" x14ac:dyDescent="0.7">
      <c r="A6" s="1" t="s">
        <v>34</v>
      </c>
      <c r="B6" s="1">
        <v>57.1</v>
      </c>
      <c r="C6" s="1">
        <v>8</v>
      </c>
      <c r="D6" s="1">
        <v>5</v>
      </c>
      <c r="E6" s="1">
        <v>4.7</v>
      </c>
      <c r="F6" s="1">
        <v>5.0999999999999996</v>
      </c>
      <c r="G6" s="1">
        <v>9.4</v>
      </c>
      <c r="H6" s="1">
        <v>35.700000000000003</v>
      </c>
      <c r="I6" s="1">
        <v>2.8</v>
      </c>
      <c r="J6" s="1">
        <v>15</v>
      </c>
      <c r="K6" s="1">
        <v>9</v>
      </c>
      <c r="L6" s="1">
        <v>4.4000000000000004</v>
      </c>
      <c r="M6" s="1">
        <v>21.9</v>
      </c>
      <c r="N6" s="1">
        <v>3.3</v>
      </c>
      <c r="O6" s="1">
        <v>3.6</v>
      </c>
      <c r="P6" s="1">
        <v>45.1</v>
      </c>
      <c r="Q6" s="1">
        <v>6.9</v>
      </c>
      <c r="R6" s="1">
        <v>11.8</v>
      </c>
      <c r="S6" s="1">
        <v>5.8</v>
      </c>
      <c r="T6" s="1">
        <v>9.6</v>
      </c>
      <c r="U6" s="1">
        <v>17.5</v>
      </c>
      <c r="V6" s="1">
        <v>26.9</v>
      </c>
      <c r="W6" s="1">
        <v>12.7</v>
      </c>
      <c r="X6" s="1">
        <v>2.1</v>
      </c>
      <c r="Y6" s="1">
        <v>1.1000000000000001</v>
      </c>
      <c r="Z6" s="1">
        <v>29.9</v>
      </c>
      <c r="AA6" s="1">
        <v>6.7</v>
      </c>
      <c r="AB6" s="1">
        <v>33.700000000000003</v>
      </c>
      <c r="AC6" s="1">
        <v>14.6</v>
      </c>
      <c r="AD6" s="1">
        <v>4</v>
      </c>
      <c r="AE6" s="1">
        <v>20.9</v>
      </c>
      <c r="AF6" s="1">
        <v>44.8</v>
      </c>
      <c r="AG6" s="1">
        <v>39.5</v>
      </c>
      <c r="AH6" s="1">
        <v>23.6</v>
      </c>
      <c r="AI6" s="1">
        <v>23.5</v>
      </c>
      <c r="AJ6" s="1">
        <v>19.8</v>
      </c>
      <c r="AK6" s="1">
        <v>7.3</v>
      </c>
      <c r="AL6" s="1">
        <v>0.5</v>
      </c>
      <c r="AM6" s="1"/>
      <c r="AN6" s="1">
        <v>486</v>
      </c>
      <c r="AO6" s="1">
        <v>22</v>
      </c>
      <c r="AP6" s="1">
        <v>200</v>
      </c>
      <c r="AQ6" s="1">
        <v>30</v>
      </c>
      <c r="AR6" s="1">
        <v>95</v>
      </c>
      <c r="AS6" s="1">
        <v>2</v>
      </c>
      <c r="AT6" s="1">
        <v>8</v>
      </c>
      <c r="AU6" s="1">
        <v>144</v>
      </c>
      <c r="AV6" s="1">
        <v>123</v>
      </c>
      <c r="AW6" s="1">
        <v>44</v>
      </c>
      <c r="AX6" s="1">
        <v>10</v>
      </c>
      <c r="AY6" s="1">
        <v>2</v>
      </c>
      <c r="AZ6" s="1">
        <v>9</v>
      </c>
      <c r="BA6" s="1">
        <v>9</v>
      </c>
      <c r="BB6" s="1"/>
      <c r="BC6" s="30">
        <v>0.26458333333333334</v>
      </c>
      <c r="BD6" s="30">
        <v>0.29722222222222222</v>
      </c>
      <c r="BE6" s="30">
        <v>0.77638888888888891</v>
      </c>
      <c r="BF6" s="30">
        <v>0.93819444444444444</v>
      </c>
      <c r="BG6" s="30">
        <v>0.34652777777777777</v>
      </c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26" t="s">
        <v>130</v>
      </c>
      <c r="BT6" s="1"/>
      <c r="BU6" s="1"/>
      <c r="BV6" s="1"/>
      <c r="BW6" s="1"/>
      <c r="BX6" s="1"/>
      <c r="BY6" s="1"/>
      <c r="BZ6" s="1"/>
      <c r="CA6" s="1"/>
      <c r="CB6" s="1"/>
      <c r="CC6" s="1"/>
      <c r="CD6" s="1"/>
      <c r="CE6" s="1"/>
      <c r="CF6" s="1"/>
      <c r="CG6" s="1"/>
      <c r="CH6" s="1"/>
      <c r="CI6" s="1"/>
      <c r="CJ6" s="1"/>
      <c r="CK6" s="1"/>
      <c r="CL6" s="1"/>
      <c r="CM6" s="1"/>
      <c r="CN6" s="1"/>
      <c r="CO6" s="1"/>
      <c r="CP6" s="1"/>
      <c r="CQ6" s="1"/>
      <c r="CR6" s="1"/>
      <c r="CS6" s="1"/>
      <c r="CT6" s="1"/>
      <c r="CU6" s="1"/>
      <c r="CV6" s="1"/>
      <c r="CW6" s="1"/>
      <c r="CX6" s="1"/>
      <c r="CY6" s="1"/>
      <c r="CZ6" s="1"/>
      <c r="DB6" s="1"/>
      <c r="DC6" s="1"/>
    </row>
    <row r="7" spans="1:107" x14ac:dyDescent="0.7">
      <c r="A7" s="1" t="s">
        <v>35</v>
      </c>
      <c r="B7" s="1">
        <v>58.4</v>
      </c>
      <c r="C7" s="1">
        <v>8.3000000000000007</v>
      </c>
      <c r="D7" s="1">
        <v>4.9000000000000004</v>
      </c>
      <c r="E7" s="1">
        <v>7.7</v>
      </c>
      <c r="F7" s="1">
        <v>5</v>
      </c>
      <c r="G7" s="1">
        <v>9.6</v>
      </c>
      <c r="H7" s="1">
        <v>36.200000000000003</v>
      </c>
      <c r="I7" s="1">
        <v>3.5</v>
      </c>
      <c r="J7" s="1">
        <v>13.1</v>
      </c>
      <c r="K7" s="1">
        <v>10.9</v>
      </c>
      <c r="L7" s="1">
        <v>4.5</v>
      </c>
      <c r="M7" s="1">
        <v>27.1</v>
      </c>
      <c r="N7" s="1">
        <v>4.0999999999999996</v>
      </c>
      <c r="O7" s="1">
        <v>4.3</v>
      </c>
      <c r="P7" s="1">
        <v>45</v>
      </c>
      <c r="Q7" s="1">
        <v>7.5</v>
      </c>
      <c r="R7" s="1">
        <v>12.5</v>
      </c>
      <c r="S7" s="1">
        <v>5.7</v>
      </c>
      <c r="T7" s="1">
        <v>9.3000000000000007</v>
      </c>
      <c r="U7" s="1">
        <v>17.100000000000001</v>
      </c>
      <c r="V7" s="1">
        <v>29.1</v>
      </c>
      <c r="W7" s="1">
        <v>11.3</v>
      </c>
      <c r="X7" s="1">
        <v>2.6</v>
      </c>
      <c r="Y7" s="1">
        <v>1.9</v>
      </c>
      <c r="Z7" s="1">
        <v>32.700000000000003</v>
      </c>
      <c r="AA7" s="1">
        <v>6.9</v>
      </c>
      <c r="AB7" s="1">
        <v>35.799999999999997</v>
      </c>
      <c r="AC7" s="1">
        <v>12.6</v>
      </c>
      <c r="AD7" s="1">
        <v>5.9</v>
      </c>
      <c r="AE7" s="1">
        <v>23.6</v>
      </c>
      <c r="AF7" s="1">
        <v>44.3</v>
      </c>
      <c r="AG7" s="1">
        <v>38.6</v>
      </c>
      <c r="AH7" s="1">
        <v>22.7</v>
      </c>
      <c r="AI7" s="1">
        <v>22.6</v>
      </c>
      <c r="AJ7" s="1">
        <v>17.8</v>
      </c>
      <c r="AK7" s="1">
        <v>8.1</v>
      </c>
      <c r="AL7" s="1">
        <v>0.2</v>
      </c>
      <c r="AM7" s="1"/>
      <c r="AN7" s="1">
        <v>483</v>
      </c>
      <c r="AO7" s="1">
        <v>22</v>
      </c>
      <c r="AP7" s="1">
        <v>219</v>
      </c>
      <c r="AQ7" s="1">
        <v>35</v>
      </c>
      <c r="AR7" s="1">
        <v>86</v>
      </c>
      <c r="AS7" s="1">
        <v>4</v>
      </c>
      <c r="AT7" s="1">
        <v>15</v>
      </c>
      <c r="AU7" s="1">
        <v>139</v>
      </c>
      <c r="AV7" s="1">
        <v>119</v>
      </c>
      <c r="AW7" s="1">
        <v>41</v>
      </c>
      <c r="AX7" s="1">
        <v>11</v>
      </c>
      <c r="AY7" s="1">
        <v>2</v>
      </c>
      <c r="AZ7" s="1">
        <v>9</v>
      </c>
      <c r="BA7" s="1">
        <v>9</v>
      </c>
      <c r="BB7" s="1"/>
      <c r="BC7" s="30">
        <v>0.26874999999999999</v>
      </c>
      <c r="BD7" s="30">
        <v>0.2986111111111111</v>
      </c>
      <c r="BE7" s="30">
        <v>0.78541666666666665</v>
      </c>
      <c r="BF7" s="30">
        <v>0.94513888888888886</v>
      </c>
      <c r="BG7" s="30">
        <v>0.34722222222222221</v>
      </c>
      <c r="BH7" s="1"/>
      <c r="BI7" s="1"/>
      <c r="BJ7" s="1"/>
      <c r="BK7" s="1"/>
      <c r="BL7" s="1"/>
      <c r="BM7" s="1"/>
      <c r="BN7" s="1"/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  <c r="CA7" s="1"/>
      <c r="CB7" s="1"/>
      <c r="CC7" s="1"/>
      <c r="CD7" s="1"/>
      <c r="CE7" s="1"/>
      <c r="CF7" s="1"/>
      <c r="CG7" s="1"/>
      <c r="CH7" s="1"/>
      <c r="CI7" s="1"/>
      <c r="CJ7" s="1"/>
      <c r="CK7" s="1"/>
      <c r="CL7" s="1"/>
      <c r="CM7" s="1"/>
      <c r="CN7" s="1"/>
      <c r="CO7" s="1"/>
      <c r="CP7" s="1"/>
      <c r="CQ7" s="1"/>
      <c r="CR7" s="1"/>
      <c r="CS7" s="1"/>
      <c r="CT7" s="1"/>
      <c r="CU7" s="1"/>
      <c r="CV7" s="1"/>
      <c r="CW7" s="1"/>
      <c r="CX7" s="1"/>
      <c r="CY7" s="1"/>
      <c r="CZ7" s="1"/>
      <c r="DB7" s="1"/>
      <c r="DC7" s="1"/>
    </row>
    <row r="8" spans="1:107" x14ac:dyDescent="0.7">
      <c r="A8" s="1" t="s">
        <v>36</v>
      </c>
      <c r="B8" s="1">
        <v>59.5</v>
      </c>
      <c r="C8" s="1">
        <v>7</v>
      </c>
      <c r="D8" s="1">
        <v>3.4</v>
      </c>
      <c r="E8" s="1">
        <v>6.4</v>
      </c>
      <c r="F8" s="1">
        <v>6.1</v>
      </c>
      <c r="G8" s="1">
        <v>8.6</v>
      </c>
      <c r="H8" s="1">
        <v>37.4</v>
      </c>
      <c r="I8" s="1">
        <v>3.5</v>
      </c>
      <c r="J8" s="1">
        <v>11.2</v>
      </c>
      <c r="K8" s="1">
        <v>9.8000000000000007</v>
      </c>
      <c r="L8" s="1">
        <v>3.5</v>
      </c>
      <c r="M8" s="1">
        <v>21.2</v>
      </c>
      <c r="N8" s="1">
        <v>2.5</v>
      </c>
      <c r="O8" s="1">
        <v>3.5</v>
      </c>
      <c r="P8" s="1">
        <v>47.7</v>
      </c>
      <c r="Q8" s="1">
        <v>7.3</v>
      </c>
      <c r="R8" s="1">
        <v>11.1</v>
      </c>
      <c r="S8" s="1">
        <v>4.3</v>
      </c>
      <c r="T8" s="1">
        <v>8.1999999999999993</v>
      </c>
      <c r="U8" s="1">
        <v>16</v>
      </c>
      <c r="V8" s="1">
        <v>27.6</v>
      </c>
      <c r="W8" s="1">
        <v>11.4</v>
      </c>
      <c r="X8" s="1">
        <v>2.2999999999999998</v>
      </c>
      <c r="Y8" s="1">
        <v>1.4</v>
      </c>
      <c r="Z8" s="1">
        <v>34.299999999999997</v>
      </c>
      <c r="AA8" s="1">
        <v>7</v>
      </c>
      <c r="AB8" s="1">
        <v>37.4</v>
      </c>
      <c r="AC8" s="1">
        <v>13</v>
      </c>
      <c r="AD8" s="1">
        <v>4.7</v>
      </c>
      <c r="AE8" s="1">
        <v>19.7</v>
      </c>
      <c r="AF8" s="1">
        <v>44.4</v>
      </c>
      <c r="AG8" s="1">
        <v>38.1</v>
      </c>
      <c r="AH8" s="1">
        <v>23.1</v>
      </c>
      <c r="AI8" s="1">
        <v>23.1</v>
      </c>
      <c r="AJ8" s="1">
        <v>17.5</v>
      </c>
      <c r="AK8" s="1">
        <v>9.3000000000000007</v>
      </c>
      <c r="AL8" s="1">
        <v>0.2</v>
      </c>
      <c r="AM8" s="1"/>
      <c r="AN8" s="1">
        <v>479</v>
      </c>
      <c r="AO8" s="1">
        <v>27</v>
      </c>
      <c r="AP8" s="1">
        <v>218</v>
      </c>
      <c r="AQ8" s="1">
        <v>38</v>
      </c>
      <c r="AR8" s="1">
        <v>82</v>
      </c>
      <c r="AS8" s="1">
        <v>3</v>
      </c>
      <c r="AT8" s="1">
        <v>10</v>
      </c>
      <c r="AU8" s="1">
        <v>141</v>
      </c>
      <c r="AV8" s="1">
        <v>116</v>
      </c>
      <c r="AW8" s="1">
        <v>46</v>
      </c>
      <c r="AX8" s="1">
        <v>12</v>
      </c>
      <c r="AY8" s="1">
        <v>2</v>
      </c>
      <c r="AZ8" s="1">
        <v>8</v>
      </c>
      <c r="BA8" s="1">
        <v>8</v>
      </c>
      <c r="BB8" s="1"/>
      <c r="BC8" s="30">
        <v>0.26805555555555555</v>
      </c>
      <c r="BD8" s="30">
        <v>0.29375000000000001</v>
      </c>
      <c r="BE8" s="30">
        <v>0.78541666666666665</v>
      </c>
      <c r="BF8" s="30">
        <v>0.9458333333333333</v>
      </c>
      <c r="BG8" s="30">
        <v>0.33958333333333335</v>
      </c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  <c r="CA8" s="1"/>
      <c r="CB8" s="1"/>
      <c r="CC8" s="1"/>
      <c r="CD8" s="1"/>
      <c r="CE8" s="1"/>
      <c r="CF8" s="1"/>
      <c r="CG8" s="1"/>
      <c r="CH8" s="1"/>
      <c r="CI8" s="1"/>
      <c r="CJ8" s="1"/>
      <c r="CK8" s="1"/>
      <c r="CL8" s="1"/>
      <c r="CM8" s="1"/>
      <c r="CN8" s="1"/>
      <c r="CO8" s="1"/>
      <c r="CP8" s="1"/>
      <c r="CQ8" s="1"/>
      <c r="CR8" s="1"/>
      <c r="CS8" s="1"/>
      <c r="CT8" s="1"/>
      <c r="CU8" s="1"/>
      <c r="CV8" s="1"/>
      <c r="CW8" s="1"/>
      <c r="CX8" s="1"/>
      <c r="CY8" s="1"/>
      <c r="CZ8" s="1"/>
      <c r="DB8" s="1"/>
      <c r="DC8" s="1"/>
    </row>
    <row r="9" spans="1:107" x14ac:dyDescent="0.7">
      <c r="A9" s="1" t="s">
        <v>37</v>
      </c>
      <c r="B9" s="1">
        <v>65.8</v>
      </c>
      <c r="C9" s="1">
        <v>6.6</v>
      </c>
      <c r="D9" s="1">
        <v>2.5</v>
      </c>
      <c r="E9" s="1">
        <v>8.8000000000000007</v>
      </c>
      <c r="F9" s="1">
        <v>9.1999999999999993</v>
      </c>
      <c r="G9" s="1">
        <v>11.5</v>
      </c>
      <c r="H9" s="1">
        <v>45.2</v>
      </c>
      <c r="I9" s="1">
        <v>5</v>
      </c>
      <c r="J9" s="1">
        <v>12.1</v>
      </c>
      <c r="K9" s="1">
        <v>8.5</v>
      </c>
      <c r="L9" s="1">
        <v>3.8</v>
      </c>
      <c r="M9" s="1">
        <v>28.6</v>
      </c>
      <c r="N9" s="1">
        <v>2.9</v>
      </c>
      <c r="O9" s="1">
        <v>3.1</v>
      </c>
      <c r="P9" s="1">
        <v>50.3</v>
      </c>
      <c r="Q9" s="1">
        <v>8.5</v>
      </c>
      <c r="R9" s="1">
        <v>12</v>
      </c>
      <c r="S9" s="1">
        <v>4.8</v>
      </c>
      <c r="T9" s="1">
        <v>7.9</v>
      </c>
      <c r="U9" s="1">
        <v>18.8</v>
      </c>
      <c r="V9" s="1">
        <v>32.200000000000003</v>
      </c>
      <c r="W9" s="1">
        <v>13</v>
      </c>
      <c r="X9" s="1">
        <v>3.4</v>
      </c>
      <c r="Y9" s="1">
        <v>1.4</v>
      </c>
      <c r="Z9" s="1">
        <v>34.700000000000003</v>
      </c>
      <c r="AA9" s="1">
        <v>6</v>
      </c>
      <c r="AB9" s="1">
        <v>41.2</v>
      </c>
      <c r="AC9" s="1">
        <v>17.399999999999999</v>
      </c>
      <c r="AD9" s="1">
        <v>4.9000000000000004</v>
      </c>
      <c r="AE9" s="1">
        <v>17.100000000000001</v>
      </c>
      <c r="AF9" s="1">
        <v>45</v>
      </c>
      <c r="AG9" s="1">
        <v>38.1</v>
      </c>
      <c r="AH9" s="1">
        <v>25.9</v>
      </c>
      <c r="AI9" s="1">
        <v>25.9</v>
      </c>
      <c r="AJ9" s="1">
        <v>20.100000000000001</v>
      </c>
      <c r="AK9" s="1">
        <v>10.6</v>
      </c>
      <c r="AL9" s="1">
        <v>0.6</v>
      </c>
      <c r="AM9" s="1"/>
      <c r="AN9" s="1">
        <v>476</v>
      </c>
      <c r="AO9" s="1">
        <v>31</v>
      </c>
      <c r="AP9" s="1">
        <v>209</v>
      </c>
      <c r="AQ9" s="1">
        <v>39</v>
      </c>
      <c r="AR9" s="1">
        <v>85</v>
      </c>
      <c r="AS9" s="1">
        <v>3</v>
      </c>
      <c r="AT9" s="1">
        <v>10</v>
      </c>
      <c r="AU9" s="1">
        <v>132</v>
      </c>
      <c r="AV9" s="1">
        <v>119</v>
      </c>
      <c r="AW9" s="1">
        <v>48</v>
      </c>
      <c r="AX9" s="1">
        <v>14</v>
      </c>
      <c r="AY9" s="1">
        <v>1</v>
      </c>
      <c r="AZ9" s="1">
        <v>8</v>
      </c>
      <c r="BA9" s="1">
        <v>5</v>
      </c>
      <c r="BB9" s="1"/>
      <c r="BC9" s="30">
        <v>0.27430555555555558</v>
      </c>
      <c r="BD9" s="30">
        <v>0.29583333333333334</v>
      </c>
      <c r="BE9" s="30">
        <v>0.79513888888888884</v>
      </c>
      <c r="BF9" s="30">
        <v>0.95486111111111116</v>
      </c>
      <c r="BG9" s="30">
        <v>0.34375</v>
      </c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  <c r="CA9" s="1"/>
      <c r="CB9" s="1"/>
      <c r="CC9" s="1"/>
      <c r="CD9" s="1"/>
      <c r="CE9" s="1"/>
      <c r="CF9" s="1"/>
      <c r="CG9" s="1"/>
      <c r="CH9" s="1"/>
      <c r="CI9" s="1"/>
      <c r="CJ9" s="1"/>
      <c r="CK9" s="1"/>
      <c r="CL9" s="1"/>
      <c r="CM9" s="1"/>
      <c r="CN9" s="1"/>
      <c r="CO9" s="1"/>
      <c r="CP9" s="1"/>
      <c r="CQ9" s="1"/>
      <c r="CR9" s="1"/>
      <c r="CS9" s="1"/>
      <c r="CT9" s="1"/>
      <c r="CU9" s="1"/>
      <c r="CV9" s="1"/>
      <c r="CW9" s="1"/>
      <c r="CX9" s="1"/>
      <c r="CY9" s="1"/>
      <c r="CZ9" s="1"/>
      <c r="DB9" s="1"/>
      <c r="DC9" s="1"/>
    </row>
    <row r="10" spans="1:107" x14ac:dyDescent="0.7">
      <c r="A10" s="1" t="s">
        <v>38</v>
      </c>
      <c r="B10" s="1">
        <v>62.6</v>
      </c>
      <c r="C10" s="1">
        <v>6.3</v>
      </c>
      <c r="D10" s="1">
        <v>3.7</v>
      </c>
      <c r="E10" s="1">
        <v>8.5</v>
      </c>
      <c r="F10" s="1">
        <v>7.1</v>
      </c>
      <c r="G10" s="1">
        <v>9.6999999999999993</v>
      </c>
      <c r="H10" s="1">
        <v>39.700000000000003</v>
      </c>
      <c r="I10" s="1">
        <v>3.7</v>
      </c>
      <c r="J10" s="1">
        <v>13.4</v>
      </c>
      <c r="K10" s="1">
        <v>7.1</v>
      </c>
      <c r="L10" s="1">
        <v>3.9</v>
      </c>
      <c r="M10" s="1">
        <v>25.9</v>
      </c>
      <c r="N10" s="1">
        <v>2.7</v>
      </c>
      <c r="O10" s="1">
        <v>3.9</v>
      </c>
      <c r="P10" s="1">
        <v>48.9</v>
      </c>
      <c r="Q10" s="1">
        <v>8.5</v>
      </c>
      <c r="R10" s="1">
        <v>12.6</v>
      </c>
      <c r="S10" s="1">
        <v>4.7</v>
      </c>
      <c r="T10" s="1">
        <v>7.4</v>
      </c>
      <c r="U10" s="1">
        <v>16.7</v>
      </c>
      <c r="V10" s="1">
        <v>29.4</v>
      </c>
      <c r="W10" s="1">
        <v>11.1</v>
      </c>
      <c r="X10" s="1">
        <v>2.9</v>
      </c>
      <c r="Y10" s="1">
        <v>1.7</v>
      </c>
      <c r="Z10" s="1">
        <v>33</v>
      </c>
      <c r="AA10" s="1">
        <v>6.2</v>
      </c>
      <c r="AB10" s="1">
        <v>40.5</v>
      </c>
      <c r="AC10" s="1">
        <v>18.5</v>
      </c>
      <c r="AD10" s="1">
        <v>5.2</v>
      </c>
      <c r="AE10" s="1">
        <v>16.5</v>
      </c>
      <c r="AF10" s="1">
        <v>47.3</v>
      </c>
      <c r="AG10" s="1">
        <v>40.1</v>
      </c>
      <c r="AH10" s="1">
        <v>28.2</v>
      </c>
      <c r="AI10" s="1">
        <v>28.1</v>
      </c>
      <c r="AJ10" s="1">
        <v>22.5</v>
      </c>
      <c r="AK10" s="1">
        <v>11.6</v>
      </c>
      <c r="AL10" s="1">
        <v>0.4</v>
      </c>
      <c r="AM10" s="1"/>
      <c r="AN10" s="1">
        <v>475</v>
      </c>
      <c r="AO10" s="1">
        <v>28</v>
      </c>
      <c r="AP10" s="1">
        <v>221</v>
      </c>
      <c r="AQ10" s="1">
        <v>39</v>
      </c>
      <c r="AR10" s="1">
        <v>85</v>
      </c>
      <c r="AS10" s="1">
        <v>4</v>
      </c>
      <c r="AT10" s="1">
        <v>12</v>
      </c>
      <c r="AU10" s="1">
        <v>130</v>
      </c>
      <c r="AV10" s="1">
        <v>120</v>
      </c>
      <c r="AW10" s="1">
        <v>43</v>
      </c>
      <c r="AX10" s="1">
        <v>13</v>
      </c>
      <c r="AY10" s="1">
        <v>2</v>
      </c>
      <c r="AZ10" s="1">
        <v>8</v>
      </c>
      <c r="BA10" s="1">
        <v>8</v>
      </c>
      <c r="BB10" s="1"/>
      <c r="BC10" s="30">
        <v>0.26805555555555555</v>
      </c>
      <c r="BD10" s="30">
        <v>0.29305555555555557</v>
      </c>
      <c r="BE10" s="30">
        <v>0.78888888888888886</v>
      </c>
      <c r="BF10" s="30">
        <v>0.9506944444444444</v>
      </c>
      <c r="BG10" s="30">
        <v>0.33888888888888891</v>
      </c>
      <c r="BH10" s="1"/>
      <c r="BI10" s="1"/>
      <c r="BJ10" s="1"/>
      <c r="BK10" s="1"/>
      <c r="BL10" s="1"/>
      <c r="BM10" s="1"/>
      <c r="BN10" s="1"/>
      <c r="BO10" s="1"/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  <c r="CA10" s="1"/>
      <c r="CB10" s="1"/>
      <c r="CC10" s="1"/>
      <c r="CD10" s="1"/>
      <c r="CE10" s="1"/>
      <c r="CF10" s="1"/>
      <c r="CG10" s="1"/>
      <c r="CH10" s="1"/>
      <c r="CI10" s="1"/>
      <c r="CJ10" s="1"/>
      <c r="CK10" s="1"/>
      <c r="CL10" s="1"/>
      <c r="CM10" s="1"/>
      <c r="CN10" s="1"/>
      <c r="CO10" s="1"/>
      <c r="CP10" s="1"/>
      <c r="CQ10" s="1"/>
      <c r="CR10" s="1"/>
      <c r="CS10" s="1"/>
      <c r="CT10" s="1"/>
      <c r="CU10" s="1"/>
      <c r="CV10" s="1"/>
      <c r="CW10" s="1"/>
      <c r="CX10" s="1"/>
      <c r="CY10" s="1"/>
      <c r="CZ10" s="1"/>
      <c r="DB10" s="1"/>
      <c r="DC10" s="1"/>
    </row>
    <row r="11" spans="1:107" x14ac:dyDescent="0.7">
      <c r="A11" s="1" t="s">
        <v>39</v>
      </c>
      <c r="B11" s="1">
        <v>67</v>
      </c>
      <c r="C11" s="1">
        <v>5.5</v>
      </c>
      <c r="D11" s="1">
        <v>4.5</v>
      </c>
      <c r="E11" s="1">
        <v>8.3000000000000007</v>
      </c>
      <c r="F11" s="1">
        <v>7.9</v>
      </c>
      <c r="G11" s="1">
        <v>10.8</v>
      </c>
      <c r="H11" s="1">
        <v>45.8</v>
      </c>
      <c r="I11" s="1">
        <v>4.3</v>
      </c>
      <c r="J11" s="1">
        <v>11.6</v>
      </c>
      <c r="K11" s="1">
        <v>8.6999999999999993</v>
      </c>
      <c r="L11" s="1">
        <v>4.2</v>
      </c>
      <c r="M11" s="1">
        <v>27.9</v>
      </c>
      <c r="N11" s="1">
        <v>4</v>
      </c>
      <c r="O11" s="1">
        <v>4.5</v>
      </c>
      <c r="P11" s="1">
        <v>52</v>
      </c>
      <c r="Q11" s="1">
        <v>8.6999999999999993</v>
      </c>
      <c r="R11" s="1">
        <v>13.3</v>
      </c>
      <c r="S11" s="1">
        <v>5</v>
      </c>
      <c r="T11" s="1">
        <v>7.9</v>
      </c>
      <c r="U11" s="1">
        <v>17.5</v>
      </c>
      <c r="V11" s="1">
        <v>32.799999999999997</v>
      </c>
      <c r="W11" s="1">
        <v>11.6</v>
      </c>
      <c r="X11" s="1">
        <v>3.2</v>
      </c>
      <c r="Y11" s="1">
        <v>1.7</v>
      </c>
      <c r="Z11" s="1">
        <v>34.799999999999997</v>
      </c>
      <c r="AA11" s="1">
        <v>5.4</v>
      </c>
      <c r="AB11" s="1">
        <v>40.1</v>
      </c>
      <c r="AC11" s="1">
        <v>16.5</v>
      </c>
      <c r="AD11" s="1">
        <v>4.8</v>
      </c>
      <c r="AE11" s="1">
        <v>19.2</v>
      </c>
      <c r="AF11" s="1">
        <v>50.8</v>
      </c>
      <c r="AG11" s="1">
        <v>43.7</v>
      </c>
      <c r="AH11" s="1">
        <v>28.8</v>
      </c>
      <c r="AI11" s="1">
        <v>28.8</v>
      </c>
      <c r="AJ11" s="1">
        <v>23.8</v>
      </c>
      <c r="AK11" s="1">
        <v>9.9</v>
      </c>
      <c r="AL11" s="1">
        <v>0.2</v>
      </c>
      <c r="AM11" s="1"/>
      <c r="AN11" s="1">
        <v>475</v>
      </c>
      <c r="AO11" s="1">
        <v>27</v>
      </c>
      <c r="AP11" s="1">
        <v>209</v>
      </c>
      <c r="AQ11" s="1">
        <v>40</v>
      </c>
      <c r="AR11" s="1">
        <v>88</v>
      </c>
      <c r="AS11" s="1">
        <v>2</v>
      </c>
      <c r="AT11" s="1">
        <v>14</v>
      </c>
      <c r="AU11" s="1">
        <v>135</v>
      </c>
      <c r="AV11" s="1">
        <v>117</v>
      </c>
      <c r="AW11" s="1">
        <v>44</v>
      </c>
      <c r="AX11" s="1">
        <v>15</v>
      </c>
      <c r="AY11" s="1">
        <v>3</v>
      </c>
      <c r="AZ11" s="1">
        <v>10</v>
      </c>
      <c r="BA11" s="1">
        <v>5</v>
      </c>
      <c r="BB11" s="1"/>
      <c r="BC11" s="30">
        <v>0.26874999999999999</v>
      </c>
      <c r="BD11" s="30">
        <v>0.2986111111111111</v>
      </c>
      <c r="BE11" s="30">
        <v>0.78749999999999998</v>
      </c>
      <c r="BF11" s="30">
        <v>0.95347222222222228</v>
      </c>
      <c r="BG11" s="30">
        <v>0.34236111111111112</v>
      </c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  <c r="CA11" s="1"/>
      <c r="CB11" s="1"/>
      <c r="CC11" s="1"/>
      <c r="CD11" s="1"/>
      <c r="CE11" s="1"/>
      <c r="CF11" s="1"/>
      <c r="CG11" s="1"/>
      <c r="CH11" s="1"/>
      <c r="CI11" s="1"/>
      <c r="CJ11" s="1"/>
      <c r="CK11" s="1"/>
      <c r="CL11" s="1"/>
      <c r="CM11" s="1"/>
      <c r="CN11" s="1"/>
      <c r="CO11" s="1"/>
      <c r="CP11" s="1"/>
      <c r="CQ11" s="1"/>
      <c r="CR11" s="1"/>
      <c r="CS11" s="1"/>
      <c r="CT11" s="1"/>
      <c r="CU11" s="1"/>
      <c r="CV11" s="1"/>
      <c r="CW11" s="1"/>
      <c r="CX11" s="1"/>
      <c r="CY11" s="1"/>
      <c r="CZ11" s="1"/>
      <c r="DB11" s="1"/>
      <c r="DC11" s="1"/>
    </row>
    <row r="12" spans="1:107" x14ac:dyDescent="0.7">
      <c r="A12" s="1" t="s">
        <v>40</v>
      </c>
      <c r="B12" s="1">
        <v>69.3</v>
      </c>
      <c r="C12" s="1">
        <v>6.1</v>
      </c>
      <c r="D12" s="1">
        <v>3.6</v>
      </c>
      <c r="E12" s="1">
        <v>8.5</v>
      </c>
      <c r="F12" s="1">
        <v>9.5</v>
      </c>
      <c r="G12" s="1">
        <v>12.9</v>
      </c>
      <c r="H12" s="1">
        <v>47.4</v>
      </c>
      <c r="I12" s="1">
        <v>5.5</v>
      </c>
      <c r="J12" s="1">
        <v>14.7</v>
      </c>
      <c r="K12" s="1">
        <v>9.4</v>
      </c>
      <c r="L12" s="1">
        <v>7.6</v>
      </c>
      <c r="M12" s="1">
        <v>32.799999999999997</v>
      </c>
      <c r="N12" s="1">
        <v>4.2</v>
      </c>
      <c r="O12" s="1">
        <v>6.4</v>
      </c>
      <c r="P12" s="1">
        <v>56.3</v>
      </c>
      <c r="Q12" s="1">
        <v>11.2</v>
      </c>
      <c r="R12" s="1">
        <v>13</v>
      </c>
      <c r="S12" s="1">
        <v>6.1</v>
      </c>
      <c r="T12" s="1">
        <v>9.1</v>
      </c>
      <c r="U12" s="1">
        <v>19.399999999999999</v>
      </c>
      <c r="V12" s="1">
        <v>28.2</v>
      </c>
      <c r="W12" s="1">
        <v>11.8</v>
      </c>
      <c r="X12" s="1">
        <v>3.5</v>
      </c>
      <c r="Y12" s="1">
        <v>1.4</v>
      </c>
      <c r="Z12" s="1">
        <v>38.799999999999997</v>
      </c>
      <c r="AA12" s="1">
        <v>5.5</v>
      </c>
      <c r="AB12" s="1">
        <v>44</v>
      </c>
      <c r="AC12" s="1">
        <v>18.5</v>
      </c>
      <c r="AD12" s="1">
        <v>6.3</v>
      </c>
      <c r="AE12" s="1">
        <v>15.6</v>
      </c>
      <c r="AF12" s="1">
        <v>51.5</v>
      </c>
      <c r="AG12" s="1">
        <v>42</v>
      </c>
      <c r="AH12" s="1">
        <v>34.1</v>
      </c>
      <c r="AI12" s="1">
        <v>34.1</v>
      </c>
      <c r="AJ12" s="1">
        <v>27.3</v>
      </c>
      <c r="AK12" s="1">
        <v>13.5</v>
      </c>
      <c r="AL12" s="1">
        <v>0.3</v>
      </c>
      <c r="AM12" s="1"/>
      <c r="AN12" s="1">
        <v>471</v>
      </c>
      <c r="AO12" s="1">
        <v>36</v>
      </c>
      <c r="AP12" s="1">
        <v>200</v>
      </c>
      <c r="AQ12" s="1">
        <v>39</v>
      </c>
      <c r="AR12" s="1">
        <v>91</v>
      </c>
      <c r="AS12" s="1">
        <v>4</v>
      </c>
      <c r="AT12" s="1">
        <v>16</v>
      </c>
      <c r="AU12" s="1">
        <v>125</v>
      </c>
      <c r="AV12" s="1">
        <v>112</v>
      </c>
      <c r="AW12" s="1">
        <v>50</v>
      </c>
      <c r="AX12" s="1">
        <v>13</v>
      </c>
      <c r="AY12" s="1">
        <v>2</v>
      </c>
      <c r="AZ12" s="1">
        <v>10</v>
      </c>
      <c r="BA12" s="1">
        <v>8</v>
      </c>
      <c r="BB12" s="1"/>
      <c r="BC12" s="30">
        <v>0.27500000000000002</v>
      </c>
      <c r="BD12" s="30">
        <v>0.29930555555555555</v>
      </c>
      <c r="BE12" s="30">
        <v>0.79513888888888884</v>
      </c>
      <c r="BF12" s="30">
        <v>0.96250000000000002</v>
      </c>
      <c r="BG12" s="30">
        <v>0.34166666666666667</v>
      </c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  <c r="CA12" s="1"/>
      <c r="CB12" s="1"/>
      <c r="CC12" s="1"/>
      <c r="CD12" s="1"/>
      <c r="CE12" s="1"/>
      <c r="CF12" s="1"/>
      <c r="CG12" s="1"/>
      <c r="CH12" s="1"/>
      <c r="CI12" s="1"/>
      <c r="CJ12" s="1"/>
      <c r="CK12" s="1"/>
      <c r="CL12" s="1"/>
      <c r="CM12" s="1"/>
      <c r="CN12" s="1"/>
      <c r="CO12" s="1"/>
      <c r="CP12" s="1"/>
      <c r="CQ12" s="1"/>
      <c r="CR12" s="1"/>
      <c r="CS12" s="1"/>
      <c r="CT12" s="1"/>
      <c r="CU12" s="1"/>
      <c r="CV12" s="1"/>
      <c r="CW12" s="1"/>
      <c r="CX12" s="1"/>
      <c r="CY12" s="1"/>
      <c r="CZ12" s="1"/>
      <c r="DB12" s="1"/>
      <c r="DC12" s="1"/>
    </row>
    <row r="13" spans="1:107" x14ac:dyDescent="0.7">
      <c r="A13" s="1" t="s">
        <v>41</v>
      </c>
      <c r="B13" s="1">
        <v>67.400000000000006</v>
      </c>
      <c r="C13" s="1">
        <v>5.9</v>
      </c>
      <c r="D13" s="1">
        <v>2.5</v>
      </c>
      <c r="E13" s="1">
        <v>5.7</v>
      </c>
      <c r="F13" s="1">
        <v>8</v>
      </c>
      <c r="G13" s="1">
        <v>12.5</v>
      </c>
      <c r="H13" s="1">
        <v>46.9</v>
      </c>
      <c r="I13" s="1">
        <v>6.1</v>
      </c>
      <c r="J13" s="1">
        <v>13.7</v>
      </c>
      <c r="K13" s="1">
        <v>8.6999999999999993</v>
      </c>
      <c r="L13" s="1">
        <v>6.3</v>
      </c>
      <c r="M13" s="1">
        <v>31.6</v>
      </c>
      <c r="N13" s="1">
        <v>3.3</v>
      </c>
      <c r="O13" s="1">
        <v>6.3</v>
      </c>
      <c r="P13" s="1">
        <v>55.4</v>
      </c>
      <c r="Q13" s="1">
        <v>9.9</v>
      </c>
      <c r="R13" s="1">
        <v>12.5</v>
      </c>
      <c r="S13" s="1">
        <v>6.2</v>
      </c>
      <c r="T13" s="1">
        <v>9.1999999999999993</v>
      </c>
      <c r="U13" s="1">
        <v>19.3</v>
      </c>
      <c r="V13" s="1">
        <v>26</v>
      </c>
      <c r="W13" s="1">
        <v>10.5</v>
      </c>
      <c r="X13" s="1">
        <v>3.4</v>
      </c>
      <c r="Y13" s="1">
        <v>1.4</v>
      </c>
      <c r="Z13" s="1">
        <v>36.799999999999997</v>
      </c>
      <c r="AA13" s="1">
        <v>5.2</v>
      </c>
      <c r="AB13" s="1">
        <v>43.7</v>
      </c>
      <c r="AC13" s="1">
        <v>19.100000000000001</v>
      </c>
      <c r="AD13" s="1">
        <v>5.8</v>
      </c>
      <c r="AE13" s="1">
        <v>14.9</v>
      </c>
      <c r="AF13" s="1">
        <v>47.9</v>
      </c>
      <c r="AG13" s="1">
        <v>38.6</v>
      </c>
      <c r="AH13" s="1">
        <v>32.5</v>
      </c>
      <c r="AI13" s="1">
        <v>32.5</v>
      </c>
      <c r="AJ13" s="1">
        <v>25.3</v>
      </c>
      <c r="AK13" s="1">
        <v>14.6</v>
      </c>
      <c r="AL13" s="1">
        <v>0.4</v>
      </c>
      <c r="AM13" s="1"/>
      <c r="AN13" s="1">
        <v>471</v>
      </c>
      <c r="AO13" s="1">
        <v>36</v>
      </c>
      <c r="AP13" s="1">
        <v>209</v>
      </c>
      <c r="AQ13" s="1">
        <v>37</v>
      </c>
      <c r="AR13" s="1">
        <v>87</v>
      </c>
      <c r="AS13" s="1">
        <v>3</v>
      </c>
      <c r="AT13" s="1">
        <v>14</v>
      </c>
      <c r="AU13" s="1">
        <v>124</v>
      </c>
      <c r="AV13" s="1">
        <v>117</v>
      </c>
      <c r="AW13" s="1">
        <v>50</v>
      </c>
      <c r="AX13" s="1">
        <v>12</v>
      </c>
      <c r="AY13" s="1">
        <v>2</v>
      </c>
      <c r="AZ13" s="1">
        <v>10</v>
      </c>
      <c r="BA13" s="1">
        <v>5</v>
      </c>
      <c r="BB13" s="1"/>
      <c r="BC13" s="30">
        <v>0.27500000000000002</v>
      </c>
      <c r="BD13" s="30">
        <v>0.30208333333333331</v>
      </c>
      <c r="BE13" s="30">
        <v>0.79652777777777772</v>
      </c>
      <c r="BF13" s="30">
        <v>0.96388888888888891</v>
      </c>
      <c r="BG13" s="30">
        <v>0.34722222222222221</v>
      </c>
      <c r="BH13" s="1"/>
      <c r="BI13" s="1"/>
      <c r="BJ13" s="1"/>
      <c r="BK13" s="1"/>
      <c r="BL13" s="1"/>
      <c r="BM13" s="1"/>
      <c r="BN13" s="1"/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  <c r="CA13" s="1"/>
      <c r="CB13" s="1"/>
      <c r="CC13" s="1"/>
      <c r="CD13" s="1"/>
      <c r="CE13" s="1"/>
      <c r="CF13" s="1"/>
      <c r="CG13" s="1"/>
      <c r="CH13" s="1"/>
      <c r="CI13" s="1"/>
      <c r="CJ13" s="1"/>
      <c r="CK13" s="1"/>
      <c r="CL13" s="1"/>
      <c r="CM13" s="1"/>
      <c r="CN13" s="1"/>
      <c r="CO13" s="1"/>
      <c r="CP13" s="1"/>
      <c r="CQ13" s="1"/>
      <c r="CR13" s="1"/>
      <c r="CS13" s="1"/>
      <c r="CT13" s="1"/>
      <c r="CU13" s="1"/>
      <c r="CV13" s="1"/>
      <c r="CW13" s="1"/>
      <c r="CX13" s="1"/>
      <c r="CY13" s="1"/>
      <c r="CZ13" s="1"/>
      <c r="DB13" s="1"/>
      <c r="DC13" s="1"/>
    </row>
    <row r="14" spans="1:107" x14ac:dyDescent="0.7">
      <c r="A14" s="1" t="s">
        <v>42</v>
      </c>
      <c r="B14" s="1">
        <v>74.5</v>
      </c>
      <c r="C14" s="1">
        <v>5</v>
      </c>
      <c r="D14" s="1">
        <v>4.4000000000000004</v>
      </c>
      <c r="E14" s="1">
        <v>9.8000000000000007</v>
      </c>
      <c r="F14" s="1">
        <v>14.4</v>
      </c>
      <c r="G14" s="1">
        <v>15.3</v>
      </c>
      <c r="H14" s="1">
        <v>52.3</v>
      </c>
      <c r="I14" s="1">
        <v>8.4</v>
      </c>
      <c r="J14" s="1">
        <v>15.1</v>
      </c>
      <c r="K14" s="1">
        <v>17.8</v>
      </c>
      <c r="L14" s="1">
        <v>12.6</v>
      </c>
      <c r="M14" s="1">
        <v>37.4</v>
      </c>
      <c r="N14" s="1">
        <v>6.2</v>
      </c>
      <c r="O14" s="1">
        <v>8.3000000000000007</v>
      </c>
      <c r="P14" s="1">
        <v>64.400000000000006</v>
      </c>
      <c r="Q14" s="1">
        <v>14.5</v>
      </c>
      <c r="R14" s="1">
        <v>16.100000000000001</v>
      </c>
      <c r="S14" s="1">
        <v>5.9</v>
      </c>
      <c r="T14" s="1">
        <v>8.4</v>
      </c>
      <c r="U14" s="1">
        <v>21.9</v>
      </c>
      <c r="V14" s="1">
        <v>22.3</v>
      </c>
      <c r="W14" s="1">
        <v>9.6</v>
      </c>
      <c r="X14" s="1">
        <v>4.5</v>
      </c>
      <c r="Y14" s="1">
        <v>2.1</v>
      </c>
      <c r="Z14" s="1">
        <v>43.2</v>
      </c>
      <c r="AA14" s="1">
        <v>4.4000000000000004</v>
      </c>
      <c r="AB14" s="1">
        <v>48.3</v>
      </c>
      <c r="AC14" s="1">
        <v>23.7</v>
      </c>
      <c r="AD14" s="1">
        <v>6.7</v>
      </c>
      <c r="AE14" s="1">
        <v>15.5</v>
      </c>
      <c r="AF14" s="1">
        <v>55.5</v>
      </c>
      <c r="AG14" s="1">
        <v>44.5</v>
      </c>
      <c r="AH14" s="1">
        <v>41.9</v>
      </c>
      <c r="AI14" s="1">
        <v>41.7</v>
      </c>
      <c r="AJ14" s="1">
        <v>34.200000000000003</v>
      </c>
      <c r="AK14" s="1">
        <v>19.100000000000001</v>
      </c>
      <c r="AL14" s="1">
        <v>0.4</v>
      </c>
      <c r="AM14" s="1"/>
      <c r="AN14" s="1">
        <v>468</v>
      </c>
      <c r="AO14" s="1">
        <v>36</v>
      </c>
      <c r="AP14" s="1">
        <v>222</v>
      </c>
      <c r="AQ14" s="1">
        <v>35</v>
      </c>
      <c r="AR14" s="1">
        <v>82</v>
      </c>
      <c r="AS14" s="1">
        <v>2</v>
      </c>
      <c r="AT14" s="1">
        <v>15</v>
      </c>
      <c r="AU14" s="1">
        <v>106</v>
      </c>
      <c r="AV14" s="1">
        <v>118</v>
      </c>
      <c r="AW14" s="1">
        <v>56</v>
      </c>
      <c r="AX14" s="1">
        <v>12</v>
      </c>
      <c r="AY14" s="1">
        <v>2</v>
      </c>
      <c r="AZ14" s="1">
        <v>11</v>
      </c>
      <c r="BA14" s="1">
        <v>7</v>
      </c>
      <c r="BB14" s="1"/>
      <c r="BC14" s="30">
        <v>0.29097222222222224</v>
      </c>
      <c r="BD14" s="30">
        <v>0.31111111111111112</v>
      </c>
      <c r="BE14" s="30">
        <v>0.80347222222222225</v>
      </c>
      <c r="BF14" s="30">
        <v>0.98541666666666672</v>
      </c>
      <c r="BG14" s="30">
        <v>0.36319444444444443</v>
      </c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  <c r="CA14" s="1"/>
      <c r="CB14" s="1"/>
      <c r="CC14" s="1"/>
      <c r="CD14" s="1"/>
      <c r="CE14" s="1"/>
      <c r="CF14" s="1"/>
      <c r="CG14" s="1"/>
      <c r="CH14" s="1"/>
      <c r="CI14" s="1"/>
      <c r="CJ14" s="1"/>
      <c r="CK14" s="1"/>
      <c r="CL14" s="1"/>
      <c r="CM14" s="1"/>
      <c r="CN14" s="1"/>
      <c r="CO14" s="1"/>
      <c r="CP14" s="1"/>
      <c r="CQ14" s="1"/>
      <c r="CR14" s="1"/>
      <c r="CS14" s="1"/>
      <c r="CT14" s="1"/>
      <c r="CU14" s="1"/>
      <c r="CV14" s="1"/>
      <c r="CW14" s="1"/>
      <c r="CX14" s="1"/>
      <c r="CY14" s="1"/>
      <c r="CZ14" s="1"/>
      <c r="DB14" s="1"/>
      <c r="DC14" s="1"/>
    </row>
    <row r="15" spans="1:107" x14ac:dyDescent="0.7">
      <c r="A15" s="1" t="s">
        <v>43</v>
      </c>
      <c r="B15" s="1">
        <v>71.8</v>
      </c>
      <c r="C15" s="1">
        <v>6.8</v>
      </c>
      <c r="D15" s="1">
        <v>3.4</v>
      </c>
      <c r="E15" s="1">
        <v>9.6</v>
      </c>
      <c r="F15" s="1">
        <v>9.8000000000000007</v>
      </c>
      <c r="G15" s="1">
        <v>12.6</v>
      </c>
      <c r="H15" s="1">
        <v>49.3</v>
      </c>
      <c r="I15" s="1">
        <v>7.6</v>
      </c>
      <c r="J15" s="1">
        <v>15.2</v>
      </c>
      <c r="K15" s="1">
        <v>12.3</v>
      </c>
      <c r="L15" s="1">
        <v>7.8</v>
      </c>
      <c r="M15" s="1">
        <v>34.4</v>
      </c>
      <c r="N15" s="1">
        <v>4.8</v>
      </c>
      <c r="O15" s="1">
        <v>7.9</v>
      </c>
      <c r="P15" s="1">
        <v>59.5</v>
      </c>
      <c r="Q15" s="1">
        <v>12.1</v>
      </c>
      <c r="R15" s="1">
        <v>14</v>
      </c>
      <c r="S15" s="1">
        <v>6.3</v>
      </c>
      <c r="T15" s="1">
        <v>9.6999999999999993</v>
      </c>
      <c r="U15" s="1">
        <v>20.6</v>
      </c>
      <c r="V15" s="1">
        <v>25.7</v>
      </c>
      <c r="W15" s="1">
        <v>10.7</v>
      </c>
      <c r="X15" s="1">
        <v>4</v>
      </c>
      <c r="Y15" s="1">
        <v>1.9</v>
      </c>
      <c r="Z15" s="1">
        <v>41.2</v>
      </c>
      <c r="AA15" s="1">
        <v>5.2</v>
      </c>
      <c r="AB15" s="1">
        <v>47.9</v>
      </c>
      <c r="AC15" s="1">
        <v>24</v>
      </c>
      <c r="AD15" s="1">
        <v>6.8</v>
      </c>
      <c r="AE15" s="1">
        <v>17</v>
      </c>
      <c r="AF15" s="1">
        <v>54.5</v>
      </c>
      <c r="AG15" s="1">
        <v>43.7</v>
      </c>
      <c r="AH15" s="1">
        <v>38.200000000000003</v>
      </c>
      <c r="AI15" s="1">
        <v>38.1</v>
      </c>
      <c r="AJ15" s="1">
        <v>30.1</v>
      </c>
      <c r="AK15" s="1">
        <v>16.100000000000001</v>
      </c>
      <c r="AL15" s="1">
        <v>0.5</v>
      </c>
      <c r="AM15" s="1"/>
      <c r="AN15" s="1">
        <v>468</v>
      </c>
      <c r="AO15" s="1">
        <v>36</v>
      </c>
      <c r="AP15" s="1">
        <v>206</v>
      </c>
      <c r="AQ15" s="1">
        <v>37</v>
      </c>
      <c r="AR15" s="1">
        <v>89</v>
      </c>
      <c r="AS15" s="1">
        <v>2</v>
      </c>
      <c r="AT15" s="1">
        <v>14</v>
      </c>
      <c r="AU15" s="1">
        <v>124</v>
      </c>
      <c r="AV15" s="1">
        <v>119</v>
      </c>
      <c r="AW15" s="1">
        <v>53</v>
      </c>
      <c r="AX15" s="1">
        <v>13</v>
      </c>
      <c r="AY15" s="1">
        <v>2</v>
      </c>
      <c r="AZ15" s="1">
        <v>9</v>
      </c>
      <c r="BA15" s="1">
        <v>7</v>
      </c>
      <c r="BB15" s="1"/>
      <c r="BC15" s="30">
        <v>0.27986111111111112</v>
      </c>
      <c r="BD15" s="30">
        <v>0.30277777777777776</v>
      </c>
      <c r="BE15" s="30">
        <v>0.79722222222222228</v>
      </c>
      <c r="BF15" s="30">
        <v>0.96805555555555556</v>
      </c>
      <c r="BG15" s="30">
        <v>0.34652777777777777</v>
      </c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  <c r="CA15" s="1"/>
      <c r="CB15" s="1"/>
      <c r="CC15" s="1"/>
      <c r="CD15" s="1"/>
      <c r="CE15" s="1"/>
      <c r="CF15" s="1"/>
      <c r="CG15" s="1"/>
      <c r="CH15" s="1"/>
      <c r="CI15" s="1"/>
      <c r="CJ15" s="1"/>
      <c r="CK15" s="1"/>
      <c r="CL15" s="1"/>
      <c r="CM15" s="1"/>
      <c r="CN15" s="1"/>
      <c r="CO15" s="1"/>
      <c r="CP15" s="1"/>
      <c r="CQ15" s="1"/>
      <c r="CR15" s="1"/>
      <c r="CS15" s="1"/>
      <c r="CT15" s="1"/>
      <c r="CU15" s="1"/>
      <c r="CV15" s="1"/>
      <c r="CW15" s="1"/>
      <c r="CX15" s="1"/>
      <c r="CY15" s="1"/>
      <c r="CZ15" s="1"/>
      <c r="DB15" s="1"/>
      <c r="DC15" s="1"/>
    </row>
    <row r="16" spans="1:107" x14ac:dyDescent="0.7">
      <c r="A16" s="1" t="s">
        <v>44</v>
      </c>
      <c r="B16" s="1">
        <v>59</v>
      </c>
      <c r="C16" s="1">
        <v>8.5</v>
      </c>
      <c r="D16" s="1">
        <v>6.3</v>
      </c>
      <c r="E16" s="1">
        <v>7.2</v>
      </c>
      <c r="F16" s="1">
        <v>6.1</v>
      </c>
      <c r="G16" s="1">
        <v>9.5</v>
      </c>
      <c r="H16" s="1">
        <v>37</v>
      </c>
      <c r="I16" s="1">
        <v>4.9000000000000004</v>
      </c>
      <c r="J16" s="1">
        <v>13.7</v>
      </c>
      <c r="K16" s="1">
        <v>12.5</v>
      </c>
      <c r="L16" s="1">
        <v>4.5</v>
      </c>
      <c r="M16" s="1">
        <v>26.6</v>
      </c>
      <c r="N16" s="1">
        <v>2.9</v>
      </c>
      <c r="O16" s="1">
        <v>5.0999999999999996</v>
      </c>
      <c r="P16" s="1">
        <v>48.2</v>
      </c>
      <c r="Q16" s="1">
        <v>8</v>
      </c>
      <c r="R16" s="1">
        <v>12.1</v>
      </c>
      <c r="S16" s="1">
        <v>5.4</v>
      </c>
      <c r="T16" s="1">
        <v>8.3000000000000007</v>
      </c>
      <c r="U16" s="1">
        <v>17.5</v>
      </c>
      <c r="V16" s="1">
        <v>28.5</v>
      </c>
      <c r="W16" s="1">
        <v>10.9</v>
      </c>
      <c r="X16" s="1">
        <v>3.1</v>
      </c>
      <c r="Y16" s="1">
        <v>1.1000000000000001</v>
      </c>
      <c r="Z16" s="1">
        <v>35.1</v>
      </c>
      <c r="AA16" s="1">
        <v>5.3</v>
      </c>
      <c r="AB16" s="1">
        <v>38.299999999999997</v>
      </c>
      <c r="AC16" s="1">
        <v>16.7</v>
      </c>
      <c r="AD16" s="1">
        <v>5.0999999999999996</v>
      </c>
      <c r="AE16" s="1">
        <v>19.3</v>
      </c>
      <c r="AF16" s="1">
        <v>47.6</v>
      </c>
      <c r="AG16" s="1">
        <v>39.1</v>
      </c>
      <c r="AH16" s="1">
        <v>29.7</v>
      </c>
      <c r="AI16" s="1">
        <v>29.7</v>
      </c>
      <c r="AJ16" s="1">
        <v>24.5</v>
      </c>
      <c r="AK16" s="1">
        <v>10.3</v>
      </c>
      <c r="AL16" s="1">
        <v>0.4</v>
      </c>
      <c r="AM16" s="1"/>
      <c r="AN16" s="1">
        <v>478</v>
      </c>
      <c r="AO16" s="1">
        <v>25</v>
      </c>
      <c r="AP16" s="1">
        <v>209</v>
      </c>
      <c r="AQ16" s="1">
        <v>35</v>
      </c>
      <c r="AR16" s="1">
        <v>87</v>
      </c>
      <c r="AS16" s="1">
        <v>3</v>
      </c>
      <c r="AT16" s="1">
        <v>13</v>
      </c>
      <c r="AU16" s="1">
        <v>139</v>
      </c>
      <c r="AV16" s="1">
        <v>118</v>
      </c>
      <c r="AW16" s="1">
        <v>47</v>
      </c>
      <c r="AX16" s="1">
        <v>10</v>
      </c>
      <c r="AY16" s="1">
        <v>2</v>
      </c>
      <c r="AZ16" s="1">
        <v>10</v>
      </c>
      <c r="BA16" s="1">
        <v>6</v>
      </c>
      <c r="BB16" s="1"/>
      <c r="BC16" s="30">
        <v>0.27083333333333331</v>
      </c>
      <c r="BD16" s="30">
        <v>0.29444444444444445</v>
      </c>
      <c r="BE16" s="30">
        <v>0.78263888888888888</v>
      </c>
      <c r="BF16" s="30">
        <v>0.94652777777777775</v>
      </c>
      <c r="BG16" s="30">
        <v>0.34583333333333333</v>
      </c>
      <c r="BH16" s="1"/>
      <c r="BI16" s="1"/>
      <c r="BJ16" s="1"/>
      <c r="BK16" s="1"/>
      <c r="BL16" s="1"/>
      <c r="BM16" s="1"/>
      <c r="BN16" s="1"/>
      <c r="BO16" s="1"/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  <c r="CA16" s="1"/>
      <c r="CB16" s="1"/>
      <c r="CC16" s="1"/>
      <c r="CD16" s="1"/>
      <c r="CE16" s="1"/>
      <c r="CF16" s="1"/>
      <c r="CG16" s="1"/>
      <c r="CH16" s="1"/>
      <c r="CI16" s="1"/>
      <c r="CJ16" s="1"/>
      <c r="CK16" s="1"/>
      <c r="CL16" s="1"/>
      <c r="CM16" s="1"/>
      <c r="CN16" s="1"/>
      <c r="CO16" s="1"/>
      <c r="CP16" s="1"/>
      <c r="CQ16" s="1"/>
      <c r="CR16" s="1"/>
      <c r="CS16" s="1"/>
      <c r="CT16" s="1"/>
      <c r="CU16" s="1"/>
      <c r="CV16" s="1"/>
      <c r="CW16" s="1"/>
      <c r="CX16" s="1"/>
      <c r="CY16" s="1"/>
      <c r="CZ16" s="1"/>
      <c r="DB16" s="1"/>
      <c r="DC16" s="1"/>
    </row>
    <row r="17" spans="1:107" x14ac:dyDescent="0.7">
      <c r="A17" s="1" t="s">
        <v>45</v>
      </c>
      <c r="B17" s="1">
        <v>59.7</v>
      </c>
      <c r="C17" s="1">
        <v>7.6</v>
      </c>
      <c r="D17" s="1">
        <v>6.2</v>
      </c>
      <c r="E17" s="1">
        <v>7</v>
      </c>
      <c r="F17" s="1">
        <v>6.1</v>
      </c>
      <c r="G17" s="1">
        <v>10.199999999999999</v>
      </c>
      <c r="H17" s="1">
        <v>37.200000000000003</v>
      </c>
      <c r="I17" s="1">
        <v>3.7</v>
      </c>
      <c r="J17" s="1">
        <v>14</v>
      </c>
      <c r="K17" s="1">
        <v>13.1</v>
      </c>
      <c r="L17" s="1">
        <v>5.8</v>
      </c>
      <c r="M17" s="1">
        <v>30.9</v>
      </c>
      <c r="N17" s="1">
        <v>4.2</v>
      </c>
      <c r="O17" s="1">
        <v>4.5999999999999996</v>
      </c>
      <c r="P17" s="1">
        <v>44.3</v>
      </c>
      <c r="Q17" s="1">
        <v>8.6</v>
      </c>
      <c r="R17" s="1">
        <v>11.2</v>
      </c>
      <c r="S17" s="1">
        <v>4.3</v>
      </c>
      <c r="T17" s="1">
        <v>7.7</v>
      </c>
      <c r="U17" s="1">
        <v>16.100000000000001</v>
      </c>
      <c r="V17" s="1">
        <v>25.1</v>
      </c>
      <c r="W17" s="1">
        <v>11.4</v>
      </c>
      <c r="X17" s="1">
        <v>2.5</v>
      </c>
      <c r="Y17" s="1">
        <v>1.1000000000000001</v>
      </c>
      <c r="Z17" s="1">
        <v>32.700000000000003</v>
      </c>
      <c r="AA17" s="1">
        <v>6.5</v>
      </c>
      <c r="AB17" s="1">
        <v>36.6</v>
      </c>
      <c r="AC17" s="1">
        <v>16.600000000000001</v>
      </c>
      <c r="AD17" s="1">
        <v>4.3</v>
      </c>
      <c r="AE17" s="1">
        <v>19.5</v>
      </c>
      <c r="AF17" s="1">
        <v>41.1</v>
      </c>
      <c r="AG17" s="1">
        <v>33.9</v>
      </c>
      <c r="AH17" s="1">
        <v>25.1</v>
      </c>
      <c r="AI17" s="1">
        <v>25</v>
      </c>
      <c r="AJ17" s="1">
        <v>20.2</v>
      </c>
      <c r="AK17" s="1">
        <v>8.9</v>
      </c>
      <c r="AL17" s="1">
        <v>0.3</v>
      </c>
      <c r="AM17" s="1"/>
      <c r="AN17" s="1">
        <v>475</v>
      </c>
      <c r="AO17" s="1">
        <v>27</v>
      </c>
      <c r="AP17" s="1">
        <v>224</v>
      </c>
      <c r="AQ17" s="1">
        <v>36</v>
      </c>
      <c r="AR17" s="1">
        <v>84</v>
      </c>
      <c r="AS17" s="1">
        <v>3</v>
      </c>
      <c r="AT17" s="1">
        <v>10</v>
      </c>
      <c r="AU17" s="1">
        <v>141</v>
      </c>
      <c r="AV17" s="1">
        <v>119</v>
      </c>
      <c r="AW17" s="1">
        <v>42</v>
      </c>
      <c r="AX17" s="1">
        <v>11</v>
      </c>
      <c r="AY17" s="1">
        <v>3</v>
      </c>
      <c r="AZ17" s="1">
        <v>10</v>
      </c>
      <c r="BA17" s="1">
        <v>8</v>
      </c>
      <c r="BB17" s="1"/>
      <c r="BC17" s="30">
        <v>0.26666666666666666</v>
      </c>
      <c r="BD17" s="30">
        <v>0.28888888888888886</v>
      </c>
      <c r="BE17" s="30">
        <v>0.78472222222222221</v>
      </c>
      <c r="BF17" s="30">
        <v>0.94722222222222219</v>
      </c>
      <c r="BG17" s="30">
        <v>0.34930555555555554</v>
      </c>
      <c r="BH17" s="1"/>
      <c r="BI17" s="1"/>
      <c r="BJ17" s="1"/>
      <c r="BK17" s="1"/>
      <c r="BL17" s="1"/>
      <c r="BM17" s="1"/>
      <c r="BN17" s="1"/>
      <c r="BO17" s="1"/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  <c r="CA17" s="1"/>
      <c r="CB17" s="1"/>
      <c r="CC17" s="1"/>
      <c r="CD17" s="1"/>
      <c r="CE17" s="1"/>
      <c r="CF17" s="1"/>
      <c r="CG17" s="1"/>
      <c r="CH17" s="1"/>
      <c r="CI17" s="1"/>
      <c r="CJ17" s="1"/>
      <c r="CK17" s="1"/>
      <c r="CL17" s="1"/>
      <c r="CM17" s="1"/>
      <c r="CN17" s="1"/>
      <c r="CO17" s="1"/>
      <c r="CP17" s="1"/>
      <c r="CQ17" s="1"/>
      <c r="CR17" s="1"/>
      <c r="CS17" s="1"/>
      <c r="CT17" s="1"/>
      <c r="CU17" s="1"/>
      <c r="CV17" s="1"/>
      <c r="CW17" s="1"/>
      <c r="CX17" s="1"/>
      <c r="CY17" s="1"/>
      <c r="CZ17" s="1"/>
      <c r="DB17" s="1"/>
      <c r="DC17" s="1"/>
    </row>
    <row r="18" spans="1:107" x14ac:dyDescent="0.7">
      <c r="A18" s="1" t="s">
        <v>46</v>
      </c>
      <c r="B18" s="1">
        <v>63.4</v>
      </c>
      <c r="C18" s="1">
        <v>7.9</v>
      </c>
      <c r="D18" s="1">
        <v>4.3</v>
      </c>
      <c r="E18" s="1">
        <v>5.7</v>
      </c>
      <c r="F18" s="1">
        <v>5.4</v>
      </c>
      <c r="G18" s="1">
        <v>10.199999999999999</v>
      </c>
      <c r="H18" s="1">
        <v>40.200000000000003</v>
      </c>
      <c r="I18" s="1">
        <v>4.7</v>
      </c>
      <c r="J18" s="1">
        <v>12.7</v>
      </c>
      <c r="K18" s="1">
        <v>13.4</v>
      </c>
      <c r="L18" s="1">
        <v>5.6</v>
      </c>
      <c r="M18" s="1">
        <v>30.5</v>
      </c>
      <c r="N18" s="1">
        <v>4.2</v>
      </c>
      <c r="O18" s="1">
        <v>5.2</v>
      </c>
      <c r="P18" s="1">
        <v>51</v>
      </c>
      <c r="Q18" s="1">
        <v>8.5</v>
      </c>
      <c r="R18" s="1">
        <v>12.3</v>
      </c>
      <c r="S18" s="1">
        <v>4.9000000000000004</v>
      </c>
      <c r="T18" s="1">
        <v>8.1</v>
      </c>
      <c r="U18" s="1">
        <v>18.2</v>
      </c>
      <c r="V18" s="1">
        <v>25.2</v>
      </c>
      <c r="W18" s="1">
        <v>9.8000000000000007</v>
      </c>
      <c r="X18" s="1">
        <v>2.9</v>
      </c>
      <c r="Y18" s="1">
        <v>1.7</v>
      </c>
      <c r="Z18" s="1">
        <v>38.6</v>
      </c>
      <c r="AA18" s="1">
        <v>8.1</v>
      </c>
      <c r="AB18" s="1">
        <v>42.5</v>
      </c>
      <c r="AC18" s="1">
        <v>14.7</v>
      </c>
      <c r="AD18" s="1">
        <v>4.5999999999999996</v>
      </c>
      <c r="AE18" s="1">
        <v>20.7</v>
      </c>
      <c r="AF18" s="1">
        <v>44.7</v>
      </c>
      <c r="AG18" s="1">
        <v>34.6</v>
      </c>
      <c r="AH18" s="1">
        <v>28.6</v>
      </c>
      <c r="AI18" s="1">
        <v>28.6</v>
      </c>
      <c r="AJ18" s="1">
        <v>21.3</v>
      </c>
      <c r="AK18" s="1">
        <v>13</v>
      </c>
      <c r="AL18" s="1">
        <v>0.3</v>
      </c>
      <c r="AM18" s="1"/>
      <c r="AN18" s="1">
        <v>479</v>
      </c>
      <c r="AO18" s="1">
        <v>26</v>
      </c>
      <c r="AP18" s="1">
        <v>224</v>
      </c>
      <c r="AQ18" s="1">
        <v>40</v>
      </c>
      <c r="AR18" s="1">
        <v>79</v>
      </c>
      <c r="AS18" s="1">
        <v>2</v>
      </c>
      <c r="AT18" s="1">
        <v>13</v>
      </c>
      <c r="AU18" s="1">
        <v>134</v>
      </c>
      <c r="AV18" s="1">
        <v>116</v>
      </c>
      <c r="AW18" s="1">
        <v>49</v>
      </c>
      <c r="AX18" s="1">
        <v>14</v>
      </c>
      <c r="AY18" s="1">
        <v>2</v>
      </c>
      <c r="AZ18" s="1">
        <v>11</v>
      </c>
      <c r="BA18" s="1">
        <v>5</v>
      </c>
      <c r="BB18" s="1"/>
      <c r="BC18" s="30">
        <v>0.27361111111111114</v>
      </c>
      <c r="BD18" s="30">
        <v>0.2951388888888889</v>
      </c>
      <c r="BE18" s="30">
        <v>0.78611111111111109</v>
      </c>
      <c r="BF18" s="30">
        <v>0.95277777777777772</v>
      </c>
      <c r="BG18" s="30">
        <v>0.34375</v>
      </c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  <c r="CA18" s="1"/>
      <c r="CB18" s="1"/>
      <c r="CC18" s="1"/>
      <c r="CD18" s="1"/>
      <c r="CE18" s="1"/>
      <c r="CF18" s="1"/>
      <c r="CG18" s="1"/>
      <c r="CH18" s="1"/>
      <c r="CI18" s="1"/>
      <c r="CJ18" s="1"/>
      <c r="CK18" s="1"/>
      <c r="CL18" s="1"/>
      <c r="CM18" s="1"/>
      <c r="CN18" s="1"/>
      <c r="CO18" s="1"/>
      <c r="CP18" s="1"/>
      <c r="CQ18" s="1"/>
      <c r="CR18" s="1"/>
      <c r="CS18" s="1"/>
      <c r="CT18" s="1"/>
      <c r="CU18" s="1"/>
      <c r="CV18" s="1"/>
      <c r="CW18" s="1"/>
      <c r="CX18" s="1"/>
      <c r="CY18" s="1"/>
      <c r="CZ18" s="1"/>
      <c r="DB18" s="1"/>
      <c r="DC18" s="1"/>
    </row>
    <row r="19" spans="1:107" x14ac:dyDescent="0.7">
      <c r="A19" s="1" t="s">
        <v>47</v>
      </c>
      <c r="B19" s="1">
        <v>61.5</v>
      </c>
      <c r="C19" s="1">
        <v>7.3</v>
      </c>
      <c r="D19" s="1">
        <v>3.3</v>
      </c>
      <c r="E19" s="1">
        <v>7.5</v>
      </c>
      <c r="F19" s="1">
        <v>6.6</v>
      </c>
      <c r="G19" s="1">
        <v>10.1</v>
      </c>
      <c r="H19" s="1">
        <v>38.799999999999997</v>
      </c>
      <c r="I19" s="1">
        <v>4.5</v>
      </c>
      <c r="J19" s="1">
        <v>12.4</v>
      </c>
      <c r="K19" s="1">
        <v>13.8</v>
      </c>
      <c r="L19" s="1">
        <v>4.8</v>
      </c>
      <c r="M19" s="1">
        <v>31.3</v>
      </c>
      <c r="N19" s="1">
        <v>4.5999999999999996</v>
      </c>
      <c r="O19" s="1">
        <v>5</v>
      </c>
      <c r="P19" s="1">
        <v>49.3</v>
      </c>
      <c r="Q19" s="1">
        <v>8.8000000000000007</v>
      </c>
      <c r="R19" s="1">
        <v>12.7</v>
      </c>
      <c r="S19" s="1">
        <v>4.8</v>
      </c>
      <c r="T19" s="1">
        <v>7.6</v>
      </c>
      <c r="U19" s="1">
        <v>18.399999999999999</v>
      </c>
      <c r="V19" s="1">
        <v>25.7</v>
      </c>
      <c r="W19" s="1">
        <v>11.1</v>
      </c>
      <c r="X19" s="1">
        <v>3</v>
      </c>
      <c r="Y19" s="1">
        <v>2.1</v>
      </c>
      <c r="Z19" s="1">
        <v>35.1</v>
      </c>
      <c r="AA19" s="1">
        <v>7.9</v>
      </c>
      <c r="AB19" s="1">
        <v>39.9</v>
      </c>
      <c r="AC19" s="1">
        <v>14.8</v>
      </c>
      <c r="AD19" s="1">
        <v>5</v>
      </c>
      <c r="AE19" s="1">
        <v>21.7</v>
      </c>
      <c r="AF19" s="1">
        <v>44.3</v>
      </c>
      <c r="AG19" s="1">
        <v>37.700000000000003</v>
      </c>
      <c r="AH19" s="1">
        <v>23.8</v>
      </c>
      <c r="AI19" s="1">
        <v>23.8</v>
      </c>
      <c r="AJ19" s="1">
        <v>18.3</v>
      </c>
      <c r="AK19" s="1">
        <v>8.6</v>
      </c>
      <c r="AL19" s="1">
        <v>0.4</v>
      </c>
      <c r="AM19" s="1"/>
      <c r="AN19" s="1">
        <v>481</v>
      </c>
      <c r="AO19" s="1">
        <v>26</v>
      </c>
      <c r="AP19" s="1">
        <v>223</v>
      </c>
      <c r="AQ19" s="1">
        <v>41</v>
      </c>
      <c r="AR19" s="1">
        <v>88</v>
      </c>
      <c r="AS19" s="1">
        <v>3</v>
      </c>
      <c r="AT19" s="1">
        <v>15</v>
      </c>
      <c r="AU19" s="1">
        <v>124</v>
      </c>
      <c r="AV19" s="1">
        <v>115</v>
      </c>
      <c r="AW19" s="1">
        <v>40</v>
      </c>
      <c r="AX19" s="1">
        <v>11</v>
      </c>
      <c r="AY19" s="1">
        <v>2</v>
      </c>
      <c r="AZ19" s="1">
        <v>11</v>
      </c>
      <c r="BA19" s="1">
        <v>6</v>
      </c>
      <c r="BB19" s="1"/>
      <c r="BC19" s="30">
        <v>0.26944444444444443</v>
      </c>
      <c r="BD19" s="30">
        <v>0.29236111111111113</v>
      </c>
      <c r="BE19" s="30">
        <v>0.78333333333333333</v>
      </c>
      <c r="BF19" s="30">
        <v>0.95208333333333328</v>
      </c>
      <c r="BG19" s="30">
        <v>0.34236111111111112</v>
      </c>
      <c r="BH19" s="1"/>
      <c r="BI19" s="1"/>
      <c r="BJ19" s="1"/>
      <c r="BK19" s="1"/>
      <c r="BL19" s="1"/>
      <c r="BM19" s="1"/>
      <c r="BN19" s="1"/>
      <c r="BO19" s="1"/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  <c r="CA19" s="1"/>
      <c r="CB19" s="1"/>
      <c r="CC19" s="1"/>
      <c r="CD19" s="1"/>
      <c r="CE19" s="1"/>
      <c r="CF19" s="1"/>
      <c r="CG19" s="1"/>
      <c r="CH19" s="1"/>
      <c r="CI19" s="1"/>
      <c r="CJ19" s="1"/>
      <c r="CK19" s="1"/>
      <c r="CL19" s="1"/>
      <c r="CM19" s="1"/>
      <c r="CN19" s="1"/>
      <c r="CO19" s="1"/>
      <c r="CP19" s="1"/>
      <c r="CQ19" s="1"/>
      <c r="CR19" s="1"/>
      <c r="CS19" s="1"/>
      <c r="CT19" s="1"/>
      <c r="CU19" s="1"/>
      <c r="CV19" s="1"/>
      <c r="CW19" s="1"/>
      <c r="CX19" s="1"/>
      <c r="CY19" s="1"/>
      <c r="CZ19" s="1"/>
      <c r="DB19" s="1"/>
      <c r="DC19" s="1"/>
    </row>
    <row r="20" spans="1:107" x14ac:dyDescent="0.7">
      <c r="A20" s="1" t="s">
        <v>48</v>
      </c>
      <c r="B20" s="1">
        <v>62.2</v>
      </c>
      <c r="C20" s="1">
        <v>5.9</v>
      </c>
      <c r="D20" s="1">
        <v>3.7</v>
      </c>
      <c r="E20" s="1">
        <v>8.8000000000000007</v>
      </c>
      <c r="F20" s="1">
        <v>6</v>
      </c>
      <c r="G20" s="1">
        <v>9.9</v>
      </c>
      <c r="H20" s="1">
        <v>40.200000000000003</v>
      </c>
      <c r="I20" s="1">
        <v>4.7</v>
      </c>
      <c r="J20" s="1">
        <v>14.5</v>
      </c>
      <c r="K20" s="1">
        <v>12.1</v>
      </c>
      <c r="L20" s="1">
        <v>5.4</v>
      </c>
      <c r="M20" s="1">
        <v>24.9</v>
      </c>
      <c r="N20" s="1">
        <v>4.0999999999999996</v>
      </c>
      <c r="O20" s="1">
        <v>5.3</v>
      </c>
      <c r="P20" s="1">
        <v>47.8</v>
      </c>
      <c r="Q20" s="1">
        <v>9.6</v>
      </c>
      <c r="R20" s="1">
        <v>12.3</v>
      </c>
      <c r="S20" s="1">
        <v>4.9000000000000004</v>
      </c>
      <c r="T20" s="1">
        <v>9.1</v>
      </c>
      <c r="U20" s="1">
        <v>18.8</v>
      </c>
      <c r="V20" s="1">
        <v>29.6</v>
      </c>
      <c r="W20" s="1">
        <v>11.5</v>
      </c>
      <c r="X20" s="1">
        <v>3.9</v>
      </c>
      <c r="Y20" s="1">
        <v>1.6</v>
      </c>
      <c r="Z20" s="1">
        <v>32.1</v>
      </c>
      <c r="AA20" s="1">
        <v>5.9</v>
      </c>
      <c r="AB20" s="1">
        <v>36.799999999999997</v>
      </c>
      <c r="AC20" s="1">
        <v>14.7</v>
      </c>
      <c r="AD20" s="1">
        <v>6</v>
      </c>
      <c r="AE20" s="1">
        <v>21.1</v>
      </c>
      <c r="AF20" s="1">
        <v>46.7</v>
      </c>
      <c r="AG20" s="1">
        <v>39.9</v>
      </c>
      <c r="AH20" s="1">
        <v>26.9</v>
      </c>
      <c r="AI20" s="1">
        <v>26.8</v>
      </c>
      <c r="AJ20" s="1">
        <v>21.2</v>
      </c>
      <c r="AK20" s="1">
        <v>11.1</v>
      </c>
      <c r="AL20" s="1">
        <v>0.2</v>
      </c>
      <c r="AM20" s="1"/>
      <c r="AN20" s="1">
        <v>479</v>
      </c>
      <c r="AO20" s="1">
        <v>26</v>
      </c>
      <c r="AP20" s="1">
        <v>217</v>
      </c>
      <c r="AQ20" s="1">
        <v>40</v>
      </c>
      <c r="AR20" s="1">
        <v>87</v>
      </c>
      <c r="AS20" s="1">
        <v>3</v>
      </c>
      <c r="AT20" s="1">
        <v>9</v>
      </c>
      <c r="AU20" s="1">
        <v>121</v>
      </c>
      <c r="AV20" s="1">
        <v>120</v>
      </c>
      <c r="AW20" s="1">
        <v>39</v>
      </c>
      <c r="AX20" s="1">
        <v>12</v>
      </c>
      <c r="AY20" s="1">
        <v>2</v>
      </c>
      <c r="AZ20" s="1">
        <v>10</v>
      </c>
      <c r="BA20" s="1">
        <v>8</v>
      </c>
      <c r="BB20" s="1"/>
      <c r="BC20" s="30">
        <v>0.27083333333333331</v>
      </c>
      <c r="BD20" s="30">
        <v>0.29583333333333334</v>
      </c>
      <c r="BE20" s="30">
        <v>0.78611111111111109</v>
      </c>
      <c r="BF20" s="30">
        <v>0.9506944444444444</v>
      </c>
      <c r="BG20" s="30">
        <v>0.35347222222222224</v>
      </c>
      <c r="BH20" s="1"/>
      <c r="BI20" s="1"/>
      <c r="BJ20" s="1"/>
      <c r="BK20" s="1"/>
      <c r="BL20" s="1"/>
      <c r="BM20" s="1"/>
      <c r="BN20" s="1"/>
      <c r="BO20" s="1"/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  <c r="CA20" s="1"/>
      <c r="CB20" s="1"/>
      <c r="CC20" s="1"/>
      <c r="CD20" s="1"/>
      <c r="CE20" s="1"/>
      <c r="CF20" s="1"/>
      <c r="CG20" s="1"/>
      <c r="CH20" s="1"/>
      <c r="CI20" s="1"/>
      <c r="CJ20" s="1"/>
      <c r="CK20" s="1"/>
      <c r="CL20" s="1"/>
      <c r="CM20" s="1"/>
      <c r="CN20" s="1"/>
      <c r="CO20" s="1"/>
      <c r="CP20" s="1"/>
      <c r="CQ20" s="1"/>
      <c r="CR20" s="1"/>
      <c r="CS20" s="1"/>
      <c r="CT20" s="1"/>
      <c r="CU20" s="1"/>
      <c r="CV20" s="1"/>
      <c r="CW20" s="1"/>
      <c r="CX20" s="1"/>
      <c r="CY20" s="1"/>
      <c r="CZ20" s="1"/>
      <c r="DB20" s="1"/>
      <c r="DC20" s="1"/>
    </row>
    <row r="21" spans="1:107" x14ac:dyDescent="0.7">
      <c r="A21" s="1" t="s">
        <v>49</v>
      </c>
      <c r="B21" s="1">
        <v>64</v>
      </c>
      <c r="C21" s="1">
        <v>6.9</v>
      </c>
      <c r="D21" s="1">
        <v>7.8</v>
      </c>
      <c r="E21" s="1">
        <v>9.6999999999999993</v>
      </c>
      <c r="F21" s="1">
        <v>6.4</v>
      </c>
      <c r="G21" s="1">
        <v>9.3000000000000007</v>
      </c>
      <c r="H21" s="1">
        <v>40.700000000000003</v>
      </c>
      <c r="I21" s="1">
        <v>5.3</v>
      </c>
      <c r="J21" s="1">
        <v>14.3</v>
      </c>
      <c r="K21" s="1">
        <v>11.7</v>
      </c>
      <c r="L21" s="1">
        <v>5.9</v>
      </c>
      <c r="M21" s="1">
        <v>26</v>
      </c>
      <c r="N21" s="1">
        <v>4.0999999999999996</v>
      </c>
      <c r="O21" s="1">
        <v>5.0999999999999996</v>
      </c>
      <c r="P21" s="1">
        <v>49</v>
      </c>
      <c r="Q21" s="1">
        <v>9.6999999999999993</v>
      </c>
      <c r="R21" s="1">
        <v>14</v>
      </c>
      <c r="S21" s="1">
        <v>5.3</v>
      </c>
      <c r="T21" s="1">
        <v>8.9</v>
      </c>
      <c r="U21" s="1">
        <v>20.100000000000001</v>
      </c>
      <c r="V21" s="1">
        <v>32.299999999999997</v>
      </c>
      <c r="W21" s="1">
        <v>12.2</v>
      </c>
      <c r="X21" s="1">
        <v>3.1</v>
      </c>
      <c r="Y21" s="1">
        <v>1.7</v>
      </c>
      <c r="Z21" s="1">
        <v>34.6</v>
      </c>
      <c r="AA21" s="1">
        <v>5.8</v>
      </c>
      <c r="AB21" s="1">
        <v>36.9</v>
      </c>
      <c r="AC21" s="1">
        <v>13.4</v>
      </c>
      <c r="AD21" s="1">
        <v>5.8</v>
      </c>
      <c r="AE21" s="1">
        <v>22</v>
      </c>
      <c r="AF21" s="1">
        <v>46.9</v>
      </c>
      <c r="AG21" s="1">
        <v>38.700000000000003</v>
      </c>
      <c r="AH21" s="1">
        <v>28</v>
      </c>
      <c r="AI21" s="1">
        <v>28</v>
      </c>
      <c r="AJ21" s="1">
        <v>21.8</v>
      </c>
      <c r="AK21" s="1">
        <v>11.5</v>
      </c>
      <c r="AL21" s="1">
        <v>0.2</v>
      </c>
      <c r="AM21" s="1"/>
      <c r="AN21" s="1">
        <v>476</v>
      </c>
      <c r="AO21" s="1">
        <v>27</v>
      </c>
      <c r="AP21" s="1">
        <v>217</v>
      </c>
      <c r="AQ21" s="1">
        <v>41</v>
      </c>
      <c r="AR21" s="1">
        <v>91</v>
      </c>
      <c r="AS21" s="1">
        <v>4</v>
      </c>
      <c r="AT21" s="1">
        <v>16</v>
      </c>
      <c r="AU21" s="1">
        <v>118</v>
      </c>
      <c r="AV21" s="1">
        <v>114</v>
      </c>
      <c r="AW21" s="1">
        <v>44</v>
      </c>
      <c r="AX21" s="1">
        <v>13</v>
      </c>
      <c r="AY21" s="1">
        <v>3</v>
      </c>
      <c r="AZ21" s="1">
        <v>8</v>
      </c>
      <c r="BA21" s="1">
        <v>10</v>
      </c>
      <c r="BB21" s="1"/>
      <c r="BC21" s="30">
        <v>0.26527777777777778</v>
      </c>
      <c r="BD21" s="30">
        <v>0.29097222222222224</v>
      </c>
      <c r="BE21" s="30">
        <v>0.78541666666666665</v>
      </c>
      <c r="BF21" s="30">
        <v>0.94652777777777775</v>
      </c>
      <c r="BG21" s="30">
        <v>0.3347222222222222</v>
      </c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  <c r="CA21" s="1"/>
      <c r="CB21" s="1"/>
      <c r="CC21" s="1"/>
      <c r="CD21" s="1"/>
      <c r="CE21" s="1"/>
      <c r="CF21" s="1"/>
      <c r="CG21" s="1"/>
      <c r="CH21" s="1"/>
      <c r="CI21" s="1"/>
      <c r="CJ21" s="1"/>
      <c r="CK21" s="1"/>
      <c r="CL21" s="1"/>
      <c r="CM21" s="1"/>
      <c r="CN21" s="1"/>
      <c r="CO21" s="1"/>
      <c r="CP21" s="1"/>
      <c r="CQ21" s="1"/>
      <c r="CR21" s="1"/>
      <c r="CS21" s="1"/>
      <c r="CT21" s="1"/>
      <c r="CU21" s="1"/>
      <c r="CV21" s="1"/>
      <c r="CW21" s="1"/>
      <c r="CX21" s="1"/>
      <c r="CY21" s="1"/>
      <c r="CZ21" s="1"/>
      <c r="DB21" s="1"/>
      <c r="DC21" s="1"/>
    </row>
    <row r="22" spans="1:107" x14ac:dyDescent="0.7">
      <c r="A22" s="1" t="s">
        <v>50</v>
      </c>
      <c r="B22" s="1">
        <v>64.099999999999994</v>
      </c>
      <c r="C22" s="1">
        <v>8</v>
      </c>
      <c r="D22" s="1">
        <v>3.3</v>
      </c>
      <c r="E22" s="1">
        <v>8.1</v>
      </c>
      <c r="F22" s="1">
        <v>6.4</v>
      </c>
      <c r="G22" s="1">
        <v>7.3</v>
      </c>
      <c r="H22" s="1">
        <v>41.1</v>
      </c>
      <c r="I22" s="1">
        <v>4.9000000000000004</v>
      </c>
      <c r="J22" s="1">
        <v>11</v>
      </c>
      <c r="K22" s="1">
        <v>8.6999999999999993</v>
      </c>
      <c r="L22" s="1">
        <v>5.2</v>
      </c>
      <c r="M22" s="1">
        <v>27.3</v>
      </c>
      <c r="N22" s="1">
        <v>2.9</v>
      </c>
      <c r="O22" s="1">
        <v>4.2</v>
      </c>
      <c r="P22" s="1">
        <v>48.4</v>
      </c>
      <c r="Q22" s="1">
        <v>8.5</v>
      </c>
      <c r="R22" s="1">
        <v>11.8</v>
      </c>
      <c r="S22" s="1">
        <v>4.9000000000000004</v>
      </c>
      <c r="T22" s="1">
        <v>7.8</v>
      </c>
      <c r="U22" s="1">
        <v>17.8</v>
      </c>
      <c r="V22" s="1">
        <v>27.6</v>
      </c>
      <c r="W22" s="1">
        <v>12.2</v>
      </c>
      <c r="X22" s="1">
        <v>2.9</v>
      </c>
      <c r="Y22" s="1">
        <v>1.4</v>
      </c>
      <c r="Z22" s="1">
        <v>33.9</v>
      </c>
      <c r="AA22" s="1">
        <v>7.8</v>
      </c>
      <c r="AB22" s="1">
        <v>41.8</v>
      </c>
      <c r="AC22" s="1">
        <v>15.5</v>
      </c>
      <c r="AD22" s="1">
        <v>5.4</v>
      </c>
      <c r="AE22" s="1">
        <v>21.7</v>
      </c>
      <c r="AF22" s="1">
        <v>48.6</v>
      </c>
      <c r="AG22" s="1">
        <v>42.1</v>
      </c>
      <c r="AH22" s="1">
        <v>27.4</v>
      </c>
      <c r="AI22" s="1">
        <v>27.1</v>
      </c>
      <c r="AJ22" s="1">
        <v>22.1</v>
      </c>
      <c r="AK22" s="1">
        <v>10.1</v>
      </c>
      <c r="AL22" s="1">
        <v>0.4</v>
      </c>
      <c r="AM22" s="1"/>
      <c r="AN22" s="1">
        <v>474</v>
      </c>
      <c r="AO22" s="1">
        <v>29</v>
      </c>
      <c r="AP22" s="1">
        <v>210</v>
      </c>
      <c r="AQ22" s="1">
        <v>42</v>
      </c>
      <c r="AR22" s="1">
        <v>88</v>
      </c>
      <c r="AS22" s="1">
        <v>4</v>
      </c>
      <c r="AT22" s="1">
        <v>12</v>
      </c>
      <c r="AU22" s="1">
        <v>131</v>
      </c>
      <c r="AV22" s="1">
        <v>121</v>
      </c>
      <c r="AW22" s="1">
        <v>49</v>
      </c>
      <c r="AX22" s="1">
        <v>13</v>
      </c>
      <c r="AY22" s="1">
        <v>2</v>
      </c>
      <c r="AZ22" s="1">
        <v>11</v>
      </c>
      <c r="BA22" s="1">
        <v>7</v>
      </c>
      <c r="BB22" s="1"/>
      <c r="BC22" s="30">
        <v>0.27083333333333331</v>
      </c>
      <c r="BD22" s="30">
        <v>0.29444444444444445</v>
      </c>
      <c r="BE22" s="30">
        <v>0.78055555555555556</v>
      </c>
      <c r="BF22" s="30">
        <v>0.95416666666666672</v>
      </c>
      <c r="BG22" s="30">
        <v>0.34305555555555556</v>
      </c>
      <c r="BH22" s="1"/>
      <c r="BI22" s="1"/>
      <c r="BJ22" s="1"/>
      <c r="BK22" s="1"/>
      <c r="BL22" s="1"/>
      <c r="BM22" s="1"/>
      <c r="BN22" s="1"/>
      <c r="BO22" s="1"/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  <c r="CA22" s="1"/>
      <c r="CB22" s="1"/>
      <c r="CC22" s="1"/>
      <c r="CD22" s="1"/>
      <c r="CE22" s="1"/>
      <c r="CF22" s="1"/>
      <c r="CG22" s="1"/>
      <c r="CH22" s="1"/>
      <c r="CI22" s="1"/>
      <c r="CJ22" s="1"/>
      <c r="CK22" s="1"/>
      <c r="CL22" s="1"/>
      <c r="CM22" s="1"/>
      <c r="CN22" s="1"/>
      <c r="CO22" s="1"/>
      <c r="CP22" s="1"/>
      <c r="CQ22" s="1"/>
      <c r="CR22" s="1"/>
      <c r="CS22" s="1"/>
      <c r="CT22" s="1"/>
      <c r="CU22" s="1"/>
      <c r="CV22" s="1"/>
      <c r="CW22" s="1"/>
      <c r="CX22" s="1"/>
      <c r="CY22" s="1"/>
      <c r="CZ22" s="1"/>
      <c r="DB22" s="1"/>
      <c r="DC22" s="1"/>
    </row>
    <row r="23" spans="1:107" x14ac:dyDescent="0.7">
      <c r="A23" s="1" t="s">
        <v>51</v>
      </c>
      <c r="B23" s="1">
        <v>66.3</v>
      </c>
      <c r="C23" s="1">
        <v>8</v>
      </c>
      <c r="D23" s="1">
        <v>1.4</v>
      </c>
      <c r="E23" s="1">
        <v>7.1</v>
      </c>
      <c r="F23" s="1">
        <v>6.6</v>
      </c>
      <c r="G23" s="1">
        <v>10.6</v>
      </c>
      <c r="H23" s="1">
        <v>44.8</v>
      </c>
      <c r="I23" s="1">
        <v>5</v>
      </c>
      <c r="J23" s="1">
        <v>13.1</v>
      </c>
      <c r="K23" s="1">
        <v>10.5</v>
      </c>
      <c r="L23" s="1">
        <v>5.0999999999999996</v>
      </c>
      <c r="M23" s="1">
        <v>27.5</v>
      </c>
      <c r="N23" s="1">
        <v>3.8</v>
      </c>
      <c r="O23" s="1">
        <v>4.5</v>
      </c>
      <c r="P23" s="1">
        <v>50.1</v>
      </c>
      <c r="Q23" s="1">
        <v>9.6999999999999993</v>
      </c>
      <c r="R23" s="1">
        <v>12.8</v>
      </c>
      <c r="S23" s="1">
        <v>5.8</v>
      </c>
      <c r="T23" s="1">
        <v>9.5</v>
      </c>
      <c r="U23" s="1">
        <v>18.5</v>
      </c>
      <c r="V23" s="1">
        <v>28.4</v>
      </c>
      <c r="W23" s="1">
        <v>10.8</v>
      </c>
      <c r="X23" s="1">
        <v>3.7</v>
      </c>
      <c r="Y23" s="1">
        <v>1.7</v>
      </c>
      <c r="Z23" s="1">
        <v>36.5</v>
      </c>
      <c r="AA23" s="1">
        <v>6.6</v>
      </c>
      <c r="AB23" s="1">
        <v>42.8</v>
      </c>
      <c r="AC23" s="1">
        <v>16.7</v>
      </c>
      <c r="AD23" s="1">
        <v>5.6</v>
      </c>
      <c r="AE23" s="1">
        <v>18.899999999999999</v>
      </c>
      <c r="AF23" s="1">
        <v>41.3</v>
      </c>
      <c r="AG23" s="1">
        <v>37.1</v>
      </c>
      <c r="AH23" s="1">
        <v>23.1</v>
      </c>
      <c r="AI23" s="1">
        <v>23</v>
      </c>
      <c r="AJ23" s="1">
        <v>18.5</v>
      </c>
      <c r="AK23" s="1">
        <v>9.1</v>
      </c>
      <c r="AL23" s="1">
        <v>0.3</v>
      </c>
      <c r="AM23" s="1"/>
      <c r="AN23" s="1">
        <v>469</v>
      </c>
      <c r="AO23" s="1">
        <v>27</v>
      </c>
      <c r="AP23" s="1">
        <v>205</v>
      </c>
      <c r="AQ23" s="1">
        <v>39</v>
      </c>
      <c r="AR23" s="1">
        <v>92</v>
      </c>
      <c r="AS23" s="1">
        <v>2</v>
      </c>
      <c r="AT23" s="1">
        <v>11</v>
      </c>
      <c r="AU23" s="1">
        <v>141</v>
      </c>
      <c r="AV23" s="1">
        <v>119</v>
      </c>
      <c r="AW23" s="1">
        <v>47</v>
      </c>
      <c r="AX23" s="1">
        <v>13</v>
      </c>
      <c r="AY23" s="1">
        <v>2</v>
      </c>
      <c r="AZ23" s="1">
        <v>10</v>
      </c>
      <c r="BA23" s="1">
        <v>7</v>
      </c>
      <c r="BB23" s="1"/>
      <c r="BC23" s="30">
        <v>0.26666666666666666</v>
      </c>
      <c r="BD23" s="30">
        <v>0.29166666666666669</v>
      </c>
      <c r="BE23" s="30">
        <v>0.77777777777777779</v>
      </c>
      <c r="BF23" s="30">
        <v>0.95208333333333328</v>
      </c>
      <c r="BG23" s="30">
        <v>0.33819444444444446</v>
      </c>
      <c r="BH23" s="1"/>
      <c r="BI23" s="1"/>
      <c r="BJ23" s="1"/>
      <c r="BK23" s="1"/>
      <c r="BL23" s="1"/>
      <c r="BM23" s="1"/>
      <c r="BN23" s="1"/>
      <c r="BO23" s="1"/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  <c r="CA23" s="1"/>
      <c r="CB23" s="1"/>
      <c r="CC23" s="1"/>
      <c r="CD23" s="1"/>
      <c r="CE23" s="1"/>
      <c r="CF23" s="1"/>
      <c r="CG23" s="1"/>
      <c r="CH23" s="1"/>
      <c r="CI23" s="1"/>
      <c r="CJ23" s="1"/>
      <c r="CK23" s="1"/>
      <c r="CL23" s="1"/>
      <c r="CM23" s="1"/>
      <c r="CN23" s="1"/>
      <c r="CO23" s="1"/>
      <c r="CP23" s="1"/>
      <c r="CQ23" s="1"/>
      <c r="CR23" s="1"/>
      <c r="CS23" s="1"/>
      <c r="CT23" s="1"/>
      <c r="CU23" s="1"/>
      <c r="CV23" s="1"/>
      <c r="CW23" s="1"/>
      <c r="CX23" s="1"/>
      <c r="CY23" s="1"/>
      <c r="CZ23" s="1"/>
      <c r="DB23" s="1"/>
      <c r="DC23" s="1"/>
    </row>
    <row r="24" spans="1:107" x14ac:dyDescent="0.7">
      <c r="A24" s="1" t="s">
        <v>52</v>
      </c>
      <c r="B24" s="1">
        <v>68.8</v>
      </c>
      <c r="C24" s="1">
        <v>9.5</v>
      </c>
      <c r="D24" s="1">
        <v>4.3</v>
      </c>
      <c r="E24" s="1">
        <v>8</v>
      </c>
      <c r="F24" s="1">
        <v>7.9</v>
      </c>
      <c r="G24" s="1">
        <v>11.3</v>
      </c>
      <c r="H24" s="1">
        <v>44.4</v>
      </c>
      <c r="I24" s="1">
        <v>6.1</v>
      </c>
      <c r="J24" s="1">
        <v>16</v>
      </c>
      <c r="K24" s="1">
        <v>12.1</v>
      </c>
      <c r="L24" s="1">
        <v>6.8</v>
      </c>
      <c r="M24" s="1">
        <v>33.5</v>
      </c>
      <c r="N24" s="1">
        <v>3.9</v>
      </c>
      <c r="O24" s="1">
        <v>6.7</v>
      </c>
      <c r="P24" s="1">
        <v>57.1</v>
      </c>
      <c r="Q24" s="1">
        <v>11.2</v>
      </c>
      <c r="R24" s="1">
        <v>14.9</v>
      </c>
      <c r="S24" s="1">
        <v>6.2</v>
      </c>
      <c r="T24" s="1">
        <v>8.8000000000000007</v>
      </c>
      <c r="U24" s="1">
        <v>20.100000000000001</v>
      </c>
      <c r="V24" s="1">
        <v>26.4</v>
      </c>
      <c r="W24" s="1">
        <v>10.9</v>
      </c>
      <c r="X24" s="1">
        <v>3.5</v>
      </c>
      <c r="Y24" s="1">
        <v>2</v>
      </c>
      <c r="Z24" s="1">
        <v>40.200000000000003</v>
      </c>
      <c r="AA24" s="1">
        <v>7.9</v>
      </c>
      <c r="AB24" s="1">
        <v>48.4</v>
      </c>
      <c r="AC24" s="1">
        <v>25.5</v>
      </c>
      <c r="AD24" s="1">
        <v>8.9</v>
      </c>
      <c r="AE24" s="1">
        <v>16.600000000000001</v>
      </c>
      <c r="AF24" s="1">
        <v>57.6</v>
      </c>
      <c r="AG24" s="1">
        <v>47.1</v>
      </c>
      <c r="AH24" s="1">
        <v>39.9</v>
      </c>
      <c r="AI24" s="1">
        <v>39.9</v>
      </c>
      <c r="AJ24" s="1">
        <v>31.1</v>
      </c>
      <c r="AK24" s="1">
        <v>17.2</v>
      </c>
      <c r="AL24" s="1">
        <v>0.4</v>
      </c>
      <c r="AM24" s="1"/>
      <c r="AN24" s="1">
        <v>473</v>
      </c>
      <c r="AO24" s="1">
        <v>32</v>
      </c>
      <c r="AP24" s="1">
        <v>214</v>
      </c>
      <c r="AQ24" s="1">
        <v>38</v>
      </c>
      <c r="AR24" s="1">
        <v>86</v>
      </c>
      <c r="AS24" s="1">
        <v>3</v>
      </c>
      <c r="AT24" s="1">
        <v>18</v>
      </c>
      <c r="AU24" s="1">
        <v>122</v>
      </c>
      <c r="AV24" s="1">
        <v>115</v>
      </c>
      <c r="AW24" s="1">
        <v>50</v>
      </c>
      <c r="AX24" s="1">
        <v>13</v>
      </c>
      <c r="AY24" s="1">
        <v>2</v>
      </c>
      <c r="AZ24" s="1">
        <v>11</v>
      </c>
      <c r="BA24" s="1">
        <v>7</v>
      </c>
      <c r="BB24" s="1"/>
      <c r="BC24" s="30">
        <v>0.27569444444444446</v>
      </c>
      <c r="BD24" s="30">
        <v>0.2951388888888889</v>
      </c>
      <c r="BE24" s="30">
        <v>0.78888888888888886</v>
      </c>
      <c r="BF24" s="30">
        <v>0.95972222222222225</v>
      </c>
      <c r="BG24" s="30">
        <v>0.34861111111111109</v>
      </c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  <c r="CA24" s="1"/>
      <c r="CB24" s="1"/>
      <c r="CC24" s="1"/>
      <c r="CD24" s="1"/>
      <c r="CE24" s="1"/>
      <c r="CF24" s="1"/>
      <c r="CG24" s="1"/>
      <c r="CH24" s="1"/>
      <c r="CI24" s="1"/>
      <c r="CJ24" s="1"/>
      <c r="CK24" s="1"/>
      <c r="CL24" s="1"/>
      <c r="CM24" s="1"/>
      <c r="CN24" s="1"/>
      <c r="CO24" s="1"/>
      <c r="CP24" s="1"/>
      <c r="CQ24" s="1"/>
      <c r="CR24" s="1"/>
      <c r="CS24" s="1"/>
      <c r="CT24" s="1"/>
      <c r="CU24" s="1"/>
      <c r="CV24" s="1"/>
      <c r="CW24" s="1"/>
      <c r="CX24" s="1"/>
      <c r="CY24" s="1"/>
      <c r="CZ24" s="1"/>
      <c r="DB24" s="1"/>
      <c r="DC24" s="1"/>
    </row>
    <row r="25" spans="1:107" x14ac:dyDescent="0.7">
      <c r="A25" s="1" t="s">
        <v>53</v>
      </c>
      <c r="B25" s="1">
        <v>64.3</v>
      </c>
      <c r="C25" s="1">
        <v>9.3000000000000007</v>
      </c>
      <c r="D25" s="1">
        <v>2.1</v>
      </c>
      <c r="E25" s="1">
        <v>6.5</v>
      </c>
      <c r="F25" s="1">
        <v>6.2</v>
      </c>
      <c r="G25" s="1">
        <v>9.8000000000000007</v>
      </c>
      <c r="H25" s="1">
        <v>42.9</v>
      </c>
      <c r="I25" s="1">
        <v>3.9</v>
      </c>
      <c r="J25" s="1">
        <v>12.2</v>
      </c>
      <c r="K25" s="1">
        <v>8.4</v>
      </c>
      <c r="L25" s="1">
        <v>5.0999999999999996</v>
      </c>
      <c r="M25" s="1">
        <v>27.9</v>
      </c>
      <c r="N25" s="1">
        <v>2.4</v>
      </c>
      <c r="O25" s="1">
        <v>5.5</v>
      </c>
      <c r="P25" s="1">
        <v>49.1</v>
      </c>
      <c r="Q25" s="1">
        <v>8.3000000000000007</v>
      </c>
      <c r="R25" s="1">
        <v>12.5</v>
      </c>
      <c r="S25" s="1">
        <v>5.3</v>
      </c>
      <c r="T25" s="1">
        <v>8.5</v>
      </c>
      <c r="U25" s="1">
        <v>18.399999999999999</v>
      </c>
      <c r="V25" s="1">
        <v>28.4</v>
      </c>
      <c r="W25" s="1">
        <v>12.1</v>
      </c>
      <c r="X25" s="1">
        <v>3</v>
      </c>
      <c r="Y25" s="1">
        <v>1.7</v>
      </c>
      <c r="Z25" s="1">
        <v>34.6</v>
      </c>
      <c r="AA25" s="1">
        <v>7.9</v>
      </c>
      <c r="AB25" s="1">
        <v>41.1</v>
      </c>
      <c r="AC25" s="1">
        <v>15</v>
      </c>
      <c r="AD25" s="1">
        <v>4.7</v>
      </c>
      <c r="AE25" s="1">
        <v>19.3</v>
      </c>
      <c r="AF25" s="1">
        <v>47</v>
      </c>
      <c r="AG25" s="1">
        <v>40</v>
      </c>
      <c r="AH25" s="1">
        <v>28.1</v>
      </c>
      <c r="AI25" s="1">
        <v>28</v>
      </c>
      <c r="AJ25" s="1">
        <v>21.4</v>
      </c>
      <c r="AK25" s="1">
        <v>12.6</v>
      </c>
      <c r="AL25" s="1">
        <v>0.2</v>
      </c>
      <c r="AM25" s="1"/>
      <c r="AN25" s="1">
        <v>477</v>
      </c>
      <c r="AO25" s="1">
        <v>29</v>
      </c>
      <c r="AP25" s="1">
        <v>203</v>
      </c>
      <c r="AQ25" s="1">
        <v>38</v>
      </c>
      <c r="AR25" s="1">
        <v>91</v>
      </c>
      <c r="AS25" s="1">
        <v>3</v>
      </c>
      <c r="AT25" s="1">
        <v>17</v>
      </c>
      <c r="AU25" s="1">
        <v>129</v>
      </c>
      <c r="AV25" s="1">
        <v>120</v>
      </c>
      <c r="AW25" s="1">
        <v>46</v>
      </c>
      <c r="AX25" s="1">
        <v>15</v>
      </c>
      <c r="AY25" s="1">
        <v>2</v>
      </c>
      <c r="AZ25" s="1">
        <v>9</v>
      </c>
      <c r="BA25" s="1">
        <v>8</v>
      </c>
      <c r="BB25" s="1"/>
      <c r="BC25" s="30">
        <v>0.27430555555555558</v>
      </c>
      <c r="BD25" s="30">
        <v>0.2951388888888889</v>
      </c>
      <c r="BE25" s="30">
        <v>0.77986111111111112</v>
      </c>
      <c r="BF25" s="30">
        <v>0.95833333333333337</v>
      </c>
      <c r="BG25" s="30">
        <v>0.34444444444444444</v>
      </c>
      <c r="BH25" s="1"/>
      <c r="BI25" s="1"/>
      <c r="BJ25" s="1"/>
      <c r="BK25" s="1"/>
      <c r="BL25" s="1"/>
      <c r="BM25" s="1"/>
      <c r="BN25" s="1"/>
      <c r="BO25" s="1"/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  <c r="CA25" s="1"/>
      <c r="CB25" s="1"/>
      <c r="CC25" s="1"/>
      <c r="CD25" s="1"/>
      <c r="CE25" s="1"/>
      <c r="CF25" s="1"/>
      <c r="CG25" s="1"/>
      <c r="CH25" s="1"/>
      <c r="CI25" s="1"/>
      <c r="CJ25" s="1"/>
      <c r="CK25" s="1"/>
      <c r="CL25" s="1"/>
      <c r="CM25" s="1"/>
      <c r="CN25" s="1"/>
      <c r="CO25" s="1"/>
      <c r="CP25" s="1"/>
      <c r="CQ25" s="1"/>
      <c r="CR25" s="1"/>
      <c r="CS25" s="1"/>
      <c r="CT25" s="1"/>
      <c r="CU25" s="1"/>
      <c r="CV25" s="1"/>
      <c r="CW25" s="1"/>
      <c r="CX25" s="1"/>
      <c r="CY25" s="1"/>
      <c r="CZ25" s="1"/>
      <c r="DB25" s="1"/>
      <c r="DC25" s="1"/>
    </row>
    <row r="26" spans="1:107" x14ac:dyDescent="0.7">
      <c r="A26" s="1" t="s">
        <v>54</v>
      </c>
      <c r="B26" s="1">
        <v>67.2</v>
      </c>
      <c r="C26" s="1">
        <v>7.7</v>
      </c>
      <c r="D26" s="1">
        <v>4.3</v>
      </c>
      <c r="E26" s="1">
        <v>8.4</v>
      </c>
      <c r="F26" s="1">
        <v>8</v>
      </c>
      <c r="G26" s="1">
        <v>11</v>
      </c>
      <c r="H26" s="1">
        <v>44.2</v>
      </c>
      <c r="I26" s="1">
        <v>5.6</v>
      </c>
      <c r="J26" s="1">
        <v>14.1</v>
      </c>
      <c r="K26" s="1">
        <v>11.1</v>
      </c>
      <c r="L26" s="1">
        <v>5.2</v>
      </c>
      <c r="M26" s="1">
        <v>29.1</v>
      </c>
      <c r="N26" s="1">
        <v>3.1</v>
      </c>
      <c r="O26" s="1">
        <v>4.3</v>
      </c>
      <c r="P26" s="1">
        <v>52.8</v>
      </c>
      <c r="Q26" s="1">
        <v>10.3</v>
      </c>
      <c r="R26" s="1">
        <v>14.1</v>
      </c>
      <c r="S26" s="1">
        <v>5.5</v>
      </c>
      <c r="T26" s="1">
        <v>9.1999999999999993</v>
      </c>
      <c r="U26" s="1">
        <v>20.100000000000001</v>
      </c>
      <c r="V26" s="1">
        <v>27.8</v>
      </c>
      <c r="W26" s="1">
        <v>13.6</v>
      </c>
      <c r="X26" s="1">
        <v>3.9</v>
      </c>
      <c r="Y26" s="1">
        <v>2.1</v>
      </c>
      <c r="Z26" s="1">
        <v>37.1</v>
      </c>
      <c r="AA26" s="1">
        <v>5.7</v>
      </c>
      <c r="AB26" s="1">
        <v>43.9</v>
      </c>
      <c r="AC26" s="1">
        <v>16.899999999999999</v>
      </c>
      <c r="AD26" s="1">
        <v>7.3</v>
      </c>
      <c r="AE26" s="1">
        <v>24.2</v>
      </c>
      <c r="AF26" s="1">
        <v>52.2</v>
      </c>
      <c r="AG26" s="1">
        <v>42.9</v>
      </c>
      <c r="AH26" s="1">
        <v>34.299999999999997</v>
      </c>
      <c r="AI26" s="1">
        <v>34.1</v>
      </c>
      <c r="AJ26" s="1">
        <v>25.8</v>
      </c>
      <c r="AK26" s="1">
        <v>15.9</v>
      </c>
      <c r="AL26" s="1">
        <v>0.6</v>
      </c>
      <c r="AM26" s="1"/>
      <c r="AN26" s="1">
        <v>478</v>
      </c>
      <c r="AO26" s="1">
        <v>29</v>
      </c>
      <c r="AP26" s="1">
        <v>206</v>
      </c>
      <c r="AQ26" s="1">
        <v>43</v>
      </c>
      <c r="AR26" s="1">
        <v>93</v>
      </c>
      <c r="AS26" s="1">
        <v>3</v>
      </c>
      <c r="AT26" s="1">
        <v>15</v>
      </c>
      <c r="AU26" s="1">
        <v>110</v>
      </c>
      <c r="AV26" s="1">
        <v>121</v>
      </c>
      <c r="AW26" s="1">
        <v>48</v>
      </c>
      <c r="AX26" s="1">
        <v>14</v>
      </c>
      <c r="AY26" s="1">
        <v>3</v>
      </c>
      <c r="AZ26" s="1">
        <v>10</v>
      </c>
      <c r="BA26" s="1">
        <v>7</v>
      </c>
      <c r="BB26" s="1"/>
      <c r="BC26" s="30">
        <v>0.27777777777777779</v>
      </c>
      <c r="BD26" s="30">
        <v>0.29583333333333334</v>
      </c>
      <c r="BE26" s="30">
        <v>0.79374999999999996</v>
      </c>
      <c r="BF26" s="30">
        <v>0.96111111111111114</v>
      </c>
      <c r="BG26" s="30">
        <v>0.34791666666666665</v>
      </c>
      <c r="BH26" s="1"/>
      <c r="BI26" s="1"/>
      <c r="BJ26" s="1"/>
      <c r="BK26" s="1"/>
      <c r="BL26" s="1"/>
      <c r="BM26" s="1"/>
      <c r="BN26" s="1"/>
      <c r="BO26" s="1"/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  <c r="CA26" s="1"/>
      <c r="CB26" s="1"/>
      <c r="CC26" s="1"/>
      <c r="CD26" s="1"/>
      <c r="CE26" s="1"/>
      <c r="CF26" s="1"/>
      <c r="CG26" s="1"/>
      <c r="CH26" s="1"/>
      <c r="CI26" s="1"/>
      <c r="CJ26" s="1"/>
      <c r="CK26" s="1"/>
      <c r="CL26" s="1"/>
      <c r="CM26" s="1"/>
      <c r="CN26" s="1"/>
      <c r="CO26" s="1"/>
      <c r="CP26" s="1"/>
      <c r="CQ26" s="1"/>
      <c r="CR26" s="1"/>
      <c r="CS26" s="1"/>
      <c r="CT26" s="1"/>
      <c r="CU26" s="1"/>
      <c r="CV26" s="1"/>
      <c r="CW26" s="1"/>
      <c r="CX26" s="1"/>
      <c r="CY26" s="1"/>
      <c r="CZ26" s="1"/>
      <c r="DB26" s="1"/>
      <c r="DC26" s="1"/>
    </row>
    <row r="27" spans="1:107" x14ac:dyDescent="0.7">
      <c r="A27" s="1" t="s">
        <v>55</v>
      </c>
      <c r="B27" s="1">
        <v>67</v>
      </c>
      <c r="C27" s="1">
        <v>7.1</v>
      </c>
      <c r="D27" s="1">
        <v>3.4</v>
      </c>
      <c r="E27" s="1">
        <v>9.6999999999999993</v>
      </c>
      <c r="F27" s="1">
        <v>9.6999999999999993</v>
      </c>
      <c r="G27" s="1">
        <v>10.7</v>
      </c>
      <c r="H27" s="1">
        <v>45</v>
      </c>
      <c r="I27" s="1">
        <v>5.6</v>
      </c>
      <c r="J27" s="1">
        <v>15.2</v>
      </c>
      <c r="K27" s="1">
        <v>15.4</v>
      </c>
      <c r="L27" s="1">
        <v>8.8000000000000007</v>
      </c>
      <c r="M27" s="1">
        <v>30.3</v>
      </c>
      <c r="N27" s="1">
        <v>4.4000000000000004</v>
      </c>
      <c r="O27" s="1">
        <v>7.6</v>
      </c>
      <c r="P27" s="1">
        <v>53.7</v>
      </c>
      <c r="Q27" s="1">
        <v>11.4</v>
      </c>
      <c r="R27" s="1">
        <v>13.4</v>
      </c>
      <c r="S27" s="1">
        <v>6.1</v>
      </c>
      <c r="T27" s="1">
        <v>9.3000000000000007</v>
      </c>
      <c r="U27" s="1">
        <v>19.5</v>
      </c>
      <c r="V27" s="1">
        <v>24.8</v>
      </c>
      <c r="W27" s="1">
        <v>10.6</v>
      </c>
      <c r="X27" s="1">
        <v>4.4000000000000004</v>
      </c>
      <c r="Y27" s="1">
        <v>2</v>
      </c>
      <c r="Z27" s="1">
        <v>37.200000000000003</v>
      </c>
      <c r="AA27" s="1">
        <v>4.7</v>
      </c>
      <c r="AB27" s="1">
        <v>43.2</v>
      </c>
      <c r="AC27" s="1">
        <v>23.9</v>
      </c>
      <c r="AD27" s="1">
        <v>5.8</v>
      </c>
      <c r="AE27" s="1">
        <v>16.600000000000001</v>
      </c>
      <c r="AF27" s="1">
        <v>54.2</v>
      </c>
      <c r="AG27" s="1">
        <v>43.8</v>
      </c>
      <c r="AH27" s="1">
        <v>37.700000000000003</v>
      </c>
      <c r="AI27" s="1">
        <v>37.6</v>
      </c>
      <c r="AJ27" s="1">
        <v>28.6</v>
      </c>
      <c r="AK27" s="1">
        <v>19.399999999999999</v>
      </c>
      <c r="AL27" s="1">
        <v>0.7</v>
      </c>
      <c r="AM27" s="1"/>
      <c r="AN27" s="1">
        <v>476</v>
      </c>
      <c r="AO27" s="1">
        <v>31</v>
      </c>
      <c r="AP27" s="1">
        <v>186</v>
      </c>
      <c r="AQ27" s="1">
        <v>43</v>
      </c>
      <c r="AR27" s="1">
        <v>94</v>
      </c>
      <c r="AS27" s="1">
        <v>3</v>
      </c>
      <c r="AT27" s="1">
        <v>15</v>
      </c>
      <c r="AU27" s="1">
        <v>125</v>
      </c>
      <c r="AV27" s="1">
        <v>116</v>
      </c>
      <c r="AW27" s="1">
        <v>44</v>
      </c>
      <c r="AX27" s="1">
        <v>14</v>
      </c>
      <c r="AY27" s="1">
        <v>2</v>
      </c>
      <c r="AZ27" s="1">
        <v>11</v>
      </c>
      <c r="BA27" s="1">
        <v>8</v>
      </c>
      <c r="BB27" s="1"/>
      <c r="BC27" s="30">
        <v>0.28055555555555556</v>
      </c>
      <c r="BD27" s="30">
        <v>0.30208333333333331</v>
      </c>
      <c r="BE27" s="30">
        <v>0.78611111111111109</v>
      </c>
      <c r="BF27" s="30">
        <v>0.96597222222222223</v>
      </c>
      <c r="BG27" s="30">
        <v>0.34652777777777777</v>
      </c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  <c r="CA27" s="1"/>
      <c r="CB27" s="1"/>
      <c r="CC27" s="1"/>
      <c r="CD27" s="1"/>
      <c r="CE27" s="1"/>
      <c r="CF27" s="1"/>
      <c r="CG27" s="1"/>
      <c r="CH27" s="1"/>
      <c r="CI27" s="1"/>
      <c r="CJ27" s="1"/>
      <c r="CK27" s="1"/>
      <c r="CL27" s="1"/>
      <c r="CM27" s="1"/>
      <c r="CN27" s="1"/>
      <c r="CO27" s="1"/>
      <c r="CP27" s="1"/>
      <c r="CQ27" s="1"/>
      <c r="CR27" s="1"/>
      <c r="CS27" s="1"/>
      <c r="CT27" s="1"/>
      <c r="CU27" s="1"/>
      <c r="CV27" s="1"/>
      <c r="CW27" s="1"/>
      <c r="CX27" s="1"/>
      <c r="CY27" s="1"/>
      <c r="CZ27" s="1"/>
      <c r="DB27" s="1"/>
      <c r="DC27" s="1"/>
    </row>
    <row r="28" spans="1:107" x14ac:dyDescent="0.7">
      <c r="A28" s="1" t="s">
        <v>56</v>
      </c>
      <c r="B28" s="1">
        <v>66.099999999999994</v>
      </c>
      <c r="C28" s="1">
        <v>7.1</v>
      </c>
      <c r="D28" s="1">
        <v>2.1</v>
      </c>
      <c r="E28" s="1">
        <v>8.3000000000000007</v>
      </c>
      <c r="F28" s="1">
        <v>9.1</v>
      </c>
      <c r="G28" s="1">
        <v>10.7</v>
      </c>
      <c r="H28" s="1">
        <v>44.8</v>
      </c>
      <c r="I28" s="1">
        <v>5.8</v>
      </c>
      <c r="J28" s="1">
        <v>14.7</v>
      </c>
      <c r="K28" s="1">
        <v>11.7</v>
      </c>
      <c r="L28" s="1">
        <v>8.1999999999999993</v>
      </c>
      <c r="M28" s="1">
        <v>33.5</v>
      </c>
      <c r="N28" s="1">
        <v>3.8</v>
      </c>
      <c r="O28" s="1">
        <v>7.7</v>
      </c>
      <c r="P28" s="1">
        <v>54.2</v>
      </c>
      <c r="Q28" s="1">
        <v>10</v>
      </c>
      <c r="R28" s="1">
        <v>14.6</v>
      </c>
      <c r="S28" s="1">
        <v>5.2</v>
      </c>
      <c r="T28" s="1">
        <v>9.1</v>
      </c>
      <c r="U28" s="1">
        <v>19.3</v>
      </c>
      <c r="V28" s="1">
        <v>19.5</v>
      </c>
      <c r="W28" s="1">
        <v>10</v>
      </c>
      <c r="X28" s="1">
        <v>3.5</v>
      </c>
      <c r="Y28" s="1">
        <v>1.4</v>
      </c>
      <c r="Z28" s="1">
        <v>38.200000000000003</v>
      </c>
      <c r="AA28" s="1">
        <v>8</v>
      </c>
      <c r="AB28" s="1">
        <v>45.7</v>
      </c>
      <c r="AC28" s="1">
        <v>22.1</v>
      </c>
      <c r="AD28" s="1">
        <v>5.5</v>
      </c>
      <c r="AE28" s="1">
        <v>14.5</v>
      </c>
      <c r="AF28" s="1">
        <v>51.9</v>
      </c>
      <c r="AG28" s="1">
        <v>42.3</v>
      </c>
      <c r="AH28" s="1">
        <v>35.6</v>
      </c>
      <c r="AI28" s="1">
        <v>35.5</v>
      </c>
      <c r="AJ28" s="1">
        <v>28.2</v>
      </c>
      <c r="AK28" s="1">
        <v>16</v>
      </c>
      <c r="AL28" s="1">
        <v>0.2</v>
      </c>
      <c r="AM28" s="1"/>
      <c r="AN28" s="1">
        <v>471</v>
      </c>
      <c r="AO28" s="1">
        <v>34</v>
      </c>
      <c r="AP28" s="1">
        <v>199</v>
      </c>
      <c r="AQ28" s="1">
        <v>37</v>
      </c>
      <c r="AR28" s="1">
        <v>84</v>
      </c>
      <c r="AS28" s="1">
        <v>3</v>
      </c>
      <c r="AT28" s="1">
        <v>15</v>
      </c>
      <c r="AU28" s="1">
        <v>133</v>
      </c>
      <c r="AV28" s="1">
        <v>113</v>
      </c>
      <c r="AW28" s="1">
        <v>52</v>
      </c>
      <c r="AX28" s="1">
        <v>14</v>
      </c>
      <c r="AY28" s="1">
        <v>2</v>
      </c>
      <c r="AZ28" s="1">
        <v>11</v>
      </c>
      <c r="BA28" s="1">
        <v>8</v>
      </c>
      <c r="BB28" s="1"/>
      <c r="BC28" s="30">
        <v>0.28333333333333333</v>
      </c>
      <c r="BD28" s="30">
        <v>0.30486111111111114</v>
      </c>
      <c r="BE28" s="30">
        <v>0.79513888888888884</v>
      </c>
      <c r="BF28" s="30">
        <v>0.97013888888888888</v>
      </c>
      <c r="BG28" s="30">
        <v>0.34791666666666665</v>
      </c>
      <c r="BH28" s="1"/>
      <c r="BI28" s="1"/>
      <c r="BJ28" s="1"/>
      <c r="BK28" s="1"/>
      <c r="BL28" s="1"/>
      <c r="BM28" s="1"/>
      <c r="BN28" s="1"/>
      <c r="BO28" s="1"/>
      <c r="BP28" s="1"/>
      <c r="BQ28" s="1"/>
      <c r="BR28" s="1"/>
      <c r="BS28" s="1"/>
      <c r="BT28" s="1"/>
      <c r="BU28" s="1"/>
      <c r="BV28" s="1"/>
      <c r="BW28" s="1"/>
      <c r="BX28" s="1"/>
      <c r="BY28" s="1"/>
      <c r="BZ28" s="1"/>
      <c r="CA28" s="1"/>
      <c r="CB28" s="1"/>
      <c r="CC28" s="1"/>
      <c r="CD28" s="1"/>
      <c r="CE28" s="1"/>
      <c r="CF28" s="1"/>
      <c r="CG28" s="1"/>
      <c r="CH28" s="1"/>
      <c r="CI28" s="1"/>
      <c r="CJ28" s="1"/>
      <c r="CK28" s="1"/>
      <c r="CL28" s="1"/>
      <c r="CM28" s="1"/>
      <c r="CN28" s="1"/>
      <c r="CO28" s="1"/>
      <c r="CP28" s="1"/>
      <c r="CQ28" s="1"/>
      <c r="CR28" s="1"/>
      <c r="CS28" s="1"/>
      <c r="CT28" s="1"/>
      <c r="CU28" s="1"/>
      <c r="CV28" s="1"/>
      <c r="CW28" s="1"/>
      <c r="CX28" s="1"/>
      <c r="CY28" s="1"/>
      <c r="CZ28" s="1"/>
      <c r="DB28" s="1"/>
      <c r="DC28" s="1"/>
    </row>
    <row r="29" spans="1:107" x14ac:dyDescent="0.7">
      <c r="A29" s="1" t="s">
        <v>57</v>
      </c>
      <c r="B29" s="1">
        <v>66.400000000000006</v>
      </c>
      <c r="C29" s="1">
        <v>8.4</v>
      </c>
      <c r="D29" s="1">
        <v>2.7</v>
      </c>
      <c r="E29" s="1">
        <v>9.8000000000000007</v>
      </c>
      <c r="F29" s="1">
        <v>7.6</v>
      </c>
      <c r="G29" s="1">
        <v>8.6999999999999993</v>
      </c>
      <c r="H29" s="1">
        <v>43.9</v>
      </c>
      <c r="I29" s="1">
        <v>5.5</v>
      </c>
      <c r="J29" s="1">
        <v>13.9</v>
      </c>
      <c r="K29" s="1">
        <v>12.4</v>
      </c>
      <c r="L29" s="1">
        <v>6.4</v>
      </c>
      <c r="M29" s="1">
        <v>27.6</v>
      </c>
      <c r="N29" s="1">
        <v>4.5</v>
      </c>
      <c r="O29" s="1">
        <v>5.9</v>
      </c>
      <c r="P29" s="1">
        <v>52.7</v>
      </c>
      <c r="Q29" s="1">
        <v>10.1</v>
      </c>
      <c r="R29" s="1">
        <v>11.7</v>
      </c>
      <c r="S29" s="1">
        <v>5.9</v>
      </c>
      <c r="T29" s="1">
        <v>9.6999999999999993</v>
      </c>
      <c r="U29" s="1">
        <v>19.2</v>
      </c>
      <c r="V29" s="1">
        <v>24.1</v>
      </c>
      <c r="W29" s="1">
        <v>11.2</v>
      </c>
      <c r="X29" s="1">
        <v>3.7</v>
      </c>
      <c r="Y29" s="1">
        <v>2</v>
      </c>
      <c r="Z29" s="1">
        <v>34.799999999999997</v>
      </c>
      <c r="AA29" s="1">
        <v>5.0999999999999996</v>
      </c>
      <c r="AB29" s="1">
        <v>41.9</v>
      </c>
      <c r="AC29" s="1">
        <v>19</v>
      </c>
      <c r="AD29" s="1">
        <v>5.4</v>
      </c>
      <c r="AE29" s="1">
        <v>17.7</v>
      </c>
      <c r="AF29" s="1">
        <v>51.6</v>
      </c>
      <c r="AG29" s="1">
        <v>41.6</v>
      </c>
      <c r="AH29" s="1">
        <v>34.299999999999997</v>
      </c>
      <c r="AI29" s="1">
        <v>34.200000000000003</v>
      </c>
      <c r="AJ29" s="1">
        <v>26.9</v>
      </c>
      <c r="AK29" s="1">
        <v>15</v>
      </c>
      <c r="AL29" s="1">
        <v>0.6</v>
      </c>
      <c r="AM29" s="1"/>
      <c r="AN29" s="1">
        <v>470</v>
      </c>
      <c r="AO29" s="1">
        <v>33</v>
      </c>
      <c r="AP29" s="1">
        <v>199</v>
      </c>
      <c r="AQ29" s="1">
        <v>40</v>
      </c>
      <c r="AR29" s="1">
        <v>89</v>
      </c>
      <c r="AS29" s="1">
        <v>3</v>
      </c>
      <c r="AT29" s="1">
        <v>13</v>
      </c>
      <c r="AU29" s="1">
        <v>128</v>
      </c>
      <c r="AV29" s="1">
        <v>118</v>
      </c>
      <c r="AW29" s="1">
        <v>46</v>
      </c>
      <c r="AX29" s="1">
        <v>15</v>
      </c>
      <c r="AY29" s="1">
        <v>2</v>
      </c>
      <c r="AZ29" s="1">
        <v>10</v>
      </c>
      <c r="BA29" s="1">
        <v>7</v>
      </c>
      <c r="BB29" s="1"/>
      <c r="BC29" s="30">
        <v>0.27638888888888891</v>
      </c>
      <c r="BD29" s="30">
        <v>0.29930555555555555</v>
      </c>
      <c r="BE29" s="30">
        <v>0.79236111111111107</v>
      </c>
      <c r="BF29" s="30">
        <v>0.96250000000000002</v>
      </c>
      <c r="BG29" s="30">
        <v>0.35138888888888886</v>
      </c>
      <c r="BH29" s="1"/>
      <c r="BI29" s="1"/>
      <c r="BJ29" s="1"/>
      <c r="BK29" s="1"/>
      <c r="BL29" s="1"/>
      <c r="BM29" s="1"/>
      <c r="BN29" s="1"/>
      <c r="BO29" s="1"/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  <c r="CA29" s="1"/>
      <c r="CB29" s="1"/>
      <c r="CC29" s="1"/>
      <c r="CD29" s="1"/>
      <c r="CE29" s="1"/>
      <c r="CF29" s="1"/>
      <c r="CG29" s="1"/>
      <c r="CH29" s="1"/>
      <c r="CI29" s="1"/>
      <c r="CJ29" s="1"/>
      <c r="CK29" s="1"/>
      <c r="CL29" s="1"/>
      <c r="CM29" s="1"/>
      <c r="CN29" s="1"/>
      <c r="CO29" s="1"/>
      <c r="CP29" s="1"/>
      <c r="CQ29" s="1"/>
      <c r="CR29" s="1"/>
      <c r="CS29" s="1"/>
      <c r="CT29" s="1"/>
      <c r="CU29" s="1"/>
      <c r="CV29" s="1"/>
      <c r="CW29" s="1"/>
      <c r="CX29" s="1"/>
      <c r="CY29" s="1"/>
      <c r="CZ29" s="1"/>
      <c r="DB29" s="1"/>
      <c r="DC29" s="1"/>
    </row>
    <row r="30" spans="1:107" x14ac:dyDescent="0.7">
      <c r="A30" s="1" t="s">
        <v>58</v>
      </c>
      <c r="B30" s="1">
        <v>64.8</v>
      </c>
      <c r="C30" s="1">
        <v>6.2</v>
      </c>
      <c r="D30" s="1">
        <v>1.4</v>
      </c>
      <c r="E30" s="1">
        <v>9.3000000000000007</v>
      </c>
      <c r="F30" s="1">
        <v>6.6</v>
      </c>
      <c r="G30" s="1">
        <v>8.6</v>
      </c>
      <c r="H30" s="1">
        <v>41.2</v>
      </c>
      <c r="I30" s="1">
        <v>5.4</v>
      </c>
      <c r="J30" s="1">
        <v>13.3</v>
      </c>
      <c r="K30" s="1">
        <v>12.1</v>
      </c>
      <c r="L30" s="1">
        <v>6.7</v>
      </c>
      <c r="M30" s="1">
        <v>28.3</v>
      </c>
      <c r="N30" s="1">
        <v>3.2</v>
      </c>
      <c r="O30" s="1">
        <v>6.1</v>
      </c>
      <c r="P30" s="1">
        <v>51.1</v>
      </c>
      <c r="Q30" s="1">
        <v>10.4</v>
      </c>
      <c r="R30" s="1">
        <v>12.9</v>
      </c>
      <c r="S30" s="1">
        <v>5.4</v>
      </c>
      <c r="T30" s="1">
        <v>9.1</v>
      </c>
      <c r="U30" s="1">
        <v>18.600000000000001</v>
      </c>
      <c r="V30" s="1">
        <v>28.4</v>
      </c>
      <c r="W30" s="1">
        <v>10.9</v>
      </c>
      <c r="X30" s="1">
        <v>3.8</v>
      </c>
      <c r="Y30" s="1">
        <v>1.8</v>
      </c>
      <c r="Z30" s="1">
        <v>32.9</v>
      </c>
      <c r="AA30" s="1">
        <v>4.5999999999999996</v>
      </c>
      <c r="AB30" s="1">
        <v>42.4</v>
      </c>
      <c r="AC30" s="1">
        <v>18</v>
      </c>
      <c r="AD30" s="1">
        <v>5.7</v>
      </c>
      <c r="AE30" s="1">
        <v>18.5</v>
      </c>
      <c r="AF30" s="1">
        <v>50.4</v>
      </c>
      <c r="AG30" s="1">
        <v>41.8</v>
      </c>
      <c r="AH30" s="1">
        <v>33.6</v>
      </c>
      <c r="AI30" s="1">
        <v>33.6</v>
      </c>
      <c r="AJ30" s="1">
        <v>27.1</v>
      </c>
      <c r="AK30" s="1">
        <v>13</v>
      </c>
      <c r="AL30" s="1">
        <v>0.2</v>
      </c>
      <c r="AM30" s="1"/>
      <c r="AN30" s="1">
        <v>473</v>
      </c>
      <c r="AO30" s="1">
        <v>33</v>
      </c>
      <c r="AP30" s="1">
        <v>189</v>
      </c>
      <c r="AQ30" s="1">
        <v>40</v>
      </c>
      <c r="AR30" s="1">
        <v>100</v>
      </c>
      <c r="AS30" s="1">
        <v>4</v>
      </c>
      <c r="AT30" s="1">
        <v>13</v>
      </c>
      <c r="AU30" s="1">
        <v>128</v>
      </c>
      <c r="AV30" s="1">
        <v>114</v>
      </c>
      <c r="AW30" s="1">
        <v>50</v>
      </c>
      <c r="AX30" s="1">
        <v>12</v>
      </c>
      <c r="AY30" s="1">
        <v>3</v>
      </c>
      <c r="AZ30" s="1">
        <v>9</v>
      </c>
      <c r="BA30" s="1">
        <v>5</v>
      </c>
      <c r="BB30" s="1"/>
      <c r="BC30" s="30">
        <v>0.27708333333333335</v>
      </c>
      <c r="BD30" s="30">
        <v>0.2986111111111111</v>
      </c>
      <c r="BE30" s="30">
        <v>0.78888888888888886</v>
      </c>
      <c r="BF30" s="30">
        <v>0.96319444444444446</v>
      </c>
      <c r="BG30" s="30">
        <v>0.34722222222222221</v>
      </c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  <c r="CA30" s="1"/>
      <c r="CB30" s="1"/>
      <c r="CC30" s="1"/>
      <c r="CD30" s="1"/>
      <c r="CE30" s="1"/>
      <c r="CF30" s="1"/>
      <c r="CG30" s="1"/>
      <c r="CH30" s="1"/>
      <c r="CI30" s="1"/>
      <c r="CJ30" s="1"/>
      <c r="CK30" s="1"/>
      <c r="CL30" s="1"/>
      <c r="CM30" s="1"/>
      <c r="CN30" s="1"/>
      <c r="CO30" s="1"/>
      <c r="CP30" s="1"/>
      <c r="CQ30" s="1"/>
      <c r="CR30" s="1"/>
      <c r="CS30" s="1"/>
      <c r="CT30" s="1"/>
      <c r="CU30" s="1"/>
      <c r="CV30" s="1"/>
      <c r="CW30" s="1"/>
      <c r="CX30" s="1"/>
      <c r="CY30" s="1"/>
      <c r="CZ30" s="1"/>
      <c r="DB30" s="1"/>
      <c r="DC30" s="1"/>
    </row>
    <row r="31" spans="1:107" x14ac:dyDescent="0.7">
      <c r="A31" s="1" t="s">
        <v>59</v>
      </c>
      <c r="B31" s="1">
        <v>59.8</v>
      </c>
      <c r="C31" s="1">
        <v>9.5</v>
      </c>
      <c r="D31" s="1">
        <v>1.3</v>
      </c>
      <c r="E31" s="1">
        <v>5.5</v>
      </c>
      <c r="F31" s="1">
        <v>5.2</v>
      </c>
      <c r="G31" s="1">
        <v>7.8</v>
      </c>
      <c r="H31" s="1">
        <v>38.200000000000003</v>
      </c>
      <c r="I31" s="1">
        <v>4</v>
      </c>
      <c r="J31" s="1">
        <v>11.9</v>
      </c>
      <c r="K31" s="1">
        <v>8.1</v>
      </c>
      <c r="L31" s="1">
        <v>3.8</v>
      </c>
      <c r="M31" s="1">
        <v>25</v>
      </c>
      <c r="N31" s="1">
        <v>2.8</v>
      </c>
      <c r="O31" s="1">
        <v>3.8</v>
      </c>
      <c r="P31" s="1">
        <v>45.8</v>
      </c>
      <c r="Q31" s="1">
        <v>8.3000000000000007</v>
      </c>
      <c r="R31" s="1">
        <v>13</v>
      </c>
      <c r="S31" s="1">
        <v>5.2</v>
      </c>
      <c r="T31" s="1">
        <v>7.6</v>
      </c>
      <c r="U31" s="1">
        <v>16.2</v>
      </c>
      <c r="V31" s="1">
        <v>28.6</v>
      </c>
      <c r="W31" s="1">
        <v>12</v>
      </c>
      <c r="X31" s="1">
        <v>3</v>
      </c>
      <c r="Y31" s="1">
        <v>1.7</v>
      </c>
      <c r="Z31" s="1">
        <v>30.9</v>
      </c>
      <c r="AA31" s="1">
        <v>7.4</v>
      </c>
      <c r="AB31" s="1">
        <v>37.700000000000003</v>
      </c>
      <c r="AC31" s="1">
        <v>16.3</v>
      </c>
      <c r="AD31" s="1">
        <v>5.2</v>
      </c>
      <c r="AE31" s="1">
        <v>18.2</v>
      </c>
      <c r="AF31" s="1">
        <v>44.1</v>
      </c>
      <c r="AG31" s="1">
        <v>37.299999999999997</v>
      </c>
      <c r="AH31" s="1">
        <v>26.8</v>
      </c>
      <c r="AI31" s="1">
        <v>26.7</v>
      </c>
      <c r="AJ31" s="1">
        <v>21.3</v>
      </c>
      <c r="AK31" s="1">
        <v>10</v>
      </c>
      <c r="AL31" s="1">
        <v>0.5</v>
      </c>
      <c r="AM31" s="1"/>
      <c r="AN31" s="1">
        <v>475</v>
      </c>
      <c r="AO31" s="1">
        <v>23</v>
      </c>
      <c r="AP31" s="1">
        <v>198</v>
      </c>
      <c r="AQ31" s="1">
        <v>36</v>
      </c>
      <c r="AR31" s="1">
        <v>95</v>
      </c>
      <c r="AS31" s="1">
        <v>4</v>
      </c>
      <c r="AT31" s="1">
        <v>12</v>
      </c>
      <c r="AU31" s="1">
        <v>138</v>
      </c>
      <c r="AV31" s="1">
        <v>121</v>
      </c>
      <c r="AW31" s="1">
        <v>42</v>
      </c>
      <c r="AX31" s="1">
        <v>13</v>
      </c>
      <c r="AY31" s="1">
        <v>2</v>
      </c>
      <c r="AZ31" s="1">
        <v>11</v>
      </c>
      <c r="BA31" s="1">
        <v>8</v>
      </c>
      <c r="BB31" s="1"/>
      <c r="BC31" s="30">
        <v>0.27638888888888891</v>
      </c>
      <c r="BD31" s="30">
        <v>0.29930555555555555</v>
      </c>
      <c r="BE31" s="30">
        <v>0.77916666666666667</v>
      </c>
      <c r="BF31" s="30">
        <v>0.95486111111111116</v>
      </c>
      <c r="BG31" s="30">
        <v>0.34652777777777777</v>
      </c>
      <c r="BH31" s="1"/>
      <c r="BI31" s="1"/>
      <c r="BJ31" s="1"/>
      <c r="BK31" s="1"/>
      <c r="BL31" s="1"/>
      <c r="BM31" s="1"/>
      <c r="BN31" s="1"/>
      <c r="BO31" s="1"/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  <c r="CA31" s="1"/>
      <c r="CB31" s="1"/>
      <c r="CC31" s="1"/>
      <c r="CD31" s="1"/>
      <c r="CE31" s="1"/>
      <c r="CF31" s="1"/>
      <c r="CG31" s="1"/>
      <c r="CH31" s="1"/>
      <c r="CI31" s="1"/>
      <c r="CJ31" s="1"/>
      <c r="CK31" s="1"/>
      <c r="CL31" s="1"/>
      <c r="CM31" s="1"/>
      <c r="CN31" s="1"/>
      <c r="CO31" s="1"/>
      <c r="CP31" s="1"/>
      <c r="CQ31" s="1"/>
      <c r="CR31" s="1"/>
      <c r="CS31" s="1"/>
      <c r="CT31" s="1"/>
      <c r="CU31" s="1"/>
      <c r="CV31" s="1"/>
      <c r="CW31" s="1"/>
      <c r="CX31" s="1"/>
      <c r="CY31" s="1"/>
      <c r="CZ31" s="1"/>
      <c r="DB31" s="1"/>
      <c r="DC31" s="1"/>
    </row>
    <row r="32" spans="1:107" x14ac:dyDescent="0.7">
      <c r="A32" s="1" t="s">
        <v>60</v>
      </c>
      <c r="B32" s="1">
        <v>61.2</v>
      </c>
      <c r="C32" s="1">
        <v>10</v>
      </c>
      <c r="D32" s="1">
        <v>4</v>
      </c>
      <c r="E32" s="1">
        <v>6.3</v>
      </c>
      <c r="F32" s="1">
        <v>6.7</v>
      </c>
      <c r="G32" s="1">
        <v>8.8000000000000007</v>
      </c>
      <c r="H32" s="1">
        <v>37.200000000000003</v>
      </c>
      <c r="I32" s="1">
        <v>4.3</v>
      </c>
      <c r="J32" s="1">
        <v>12</v>
      </c>
      <c r="K32" s="1">
        <v>12.5</v>
      </c>
      <c r="L32" s="1">
        <v>4.4000000000000004</v>
      </c>
      <c r="M32" s="1">
        <v>23</v>
      </c>
      <c r="N32" s="1">
        <v>2.8</v>
      </c>
      <c r="O32" s="1">
        <v>3.4</v>
      </c>
      <c r="P32" s="1">
        <v>47.1</v>
      </c>
      <c r="Q32" s="1">
        <v>9.1</v>
      </c>
      <c r="R32" s="1">
        <v>12.3</v>
      </c>
      <c r="S32" s="1">
        <v>4.9000000000000004</v>
      </c>
      <c r="T32" s="1">
        <v>8.3000000000000007</v>
      </c>
      <c r="U32" s="1">
        <v>18.600000000000001</v>
      </c>
      <c r="V32" s="1">
        <v>26</v>
      </c>
      <c r="W32" s="1">
        <v>10</v>
      </c>
      <c r="X32" s="1">
        <v>3.1</v>
      </c>
      <c r="Y32" s="1">
        <v>1</v>
      </c>
      <c r="Z32" s="1">
        <v>30.8</v>
      </c>
      <c r="AA32" s="1">
        <v>6.8</v>
      </c>
      <c r="AB32" s="1">
        <v>34.200000000000003</v>
      </c>
      <c r="AC32" s="1">
        <v>10.5</v>
      </c>
      <c r="AD32" s="1">
        <v>4.2</v>
      </c>
      <c r="AE32" s="1">
        <v>24.1</v>
      </c>
      <c r="AF32" s="1">
        <v>38.4</v>
      </c>
      <c r="AG32" s="1">
        <v>31.6</v>
      </c>
      <c r="AH32" s="1">
        <v>20.8</v>
      </c>
      <c r="AI32" s="1">
        <v>20.8</v>
      </c>
      <c r="AJ32" s="1">
        <v>15.1</v>
      </c>
      <c r="AK32" s="1">
        <v>9.5</v>
      </c>
      <c r="AL32" s="1">
        <v>0.4</v>
      </c>
      <c r="AM32" s="1"/>
      <c r="AN32" s="1">
        <v>480</v>
      </c>
      <c r="AO32" s="1">
        <v>24</v>
      </c>
      <c r="AP32" s="1">
        <v>213</v>
      </c>
      <c r="AQ32" s="1">
        <v>37</v>
      </c>
      <c r="AR32" s="1">
        <v>84</v>
      </c>
      <c r="AS32" s="1">
        <v>3</v>
      </c>
      <c r="AT32" s="1">
        <v>9</v>
      </c>
      <c r="AU32" s="1">
        <v>146</v>
      </c>
      <c r="AV32" s="1">
        <v>119</v>
      </c>
      <c r="AW32" s="1">
        <v>41</v>
      </c>
      <c r="AX32" s="1">
        <v>14</v>
      </c>
      <c r="AY32" s="1">
        <v>3</v>
      </c>
      <c r="AZ32" s="1">
        <v>9</v>
      </c>
      <c r="BA32" s="1">
        <v>6</v>
      </c>
      <c r="BB32" s="1"/>
      <c r="BC32" s="30">
        <v>0.27013888888888887</v>
      </c>
      <c r="BD32" s="30">
        <v>0.29444444444444445</v>
      </c>
      <c r="BE32" s="30">
        <v>0.78680555555555554</v>
      </c>
      <c r="BF32" s="30">
        <v>0.95208333333333328</v>
      </c>
      <c r="BG32" s="30">
        <v>0.34375</v>
      </c>
      <c r="BH32" s="1"/>
      <c r="BI32" s="1"/>
      <c r="BJ32" s="1"/>
      <c r="BK32" s="1"/>
      <c r="BL32" s="1"/>
      <c r="BM32" s="1"/>
      <c r="BN32" s="1"/>
      <c r="BO32" s="1"/>
      <c r="BP32" s="1"/>
      <c r="BQ32" s="1"/>
      <c r="BR32" s="1"/>
      <c r="BS32" s="1"/>
      <c r="BT32" s="1"/>
      <c r="BU32" s="1"/>
      <c r="BV32" s="1"/>
      <c r="BW32" s="1"/>
      <c r="BX32" s="1"/>
      <c r="BY32" s="1"/>
      <c r="BZ32" s="1"/>
      <c r="CA32" s="1"/>
      <c r="CB32" s="1"/>
      <c r="CC32" s="1"/>
      <c r="CD32" s="1"/>
      <c r="CE32" s="1"/>
      <c r="CF32" s="1"/>
      <c r="CG32" s="1"/>
      <c r="CH32" s="1"/>
      <c r="CI32" s="1"/>
      <c r="CJ32" s="1"/>
      <c r="CK32" s="1"/>
      <c r="CL32" s="1"/>
      <c r="CM32" s="1"/>
      <c r="CN32" s="1"/>
      <c r="CO32" s="1"/>
      <c r="CP32" s="1"/>
      <c r="CQ32" s="1"/>
      <c r="CR32" s="1"/>
      <c r="CS32" s="1"/>
      <c r="CT32" s="1"/>
      <c r="CU32" s="1"/>
      <c r="CV32" s="1"/>
      <c r="CW32" s="1"/>
      <c r="CX32" s="1"/>
      <c r="CY32" s="1"/>
      <c r="CZ32" s="1"/>
      <c r="DB32" s="1"/>
      <c r="DC32" s="1"/>
    </row>
    <row r="33" spans="1:107" x14ac:dyDescent="0.7">
      <c r="A33" s="1" t="s">
        <v>61</v>
      </c>
      <c r="B33" s="1">
        <v>61.4</v>
      </c>
      <c r="C33" s="1">
        <v>10.1</v>
      </c>
      <c r="D33" s="1">
        <v>2.4</v>
      </c>
      <c r="E33" s="1">
        <v>6.3</v>
      </c>
      <c r="F33" s="1">
        <v>4.5999999999999996</v>
      </c>
      <c r="G33" s="1">
        <v>8.6</v>
      </c>
      <c r="H33" s="1">
        <v>37.299999999999997</v>
      </c>
      <c r="I33" s="1">
        <v>3.9</v>
      </c>
      <c r="J33" s="1">
        <v>12.5</v>
      </c>
      <c r="K33" s="1">
        <v>9.8000000000000007</v>
      </c>
      <c r="L33" s="1">
        <v>4.5999999999999996</v>
      </c>
      <c r="M33" s="1">
        <v>23.3</v>
      </c>
      <c r="N33" s="1">
        <v>3.2</v>
      </c>
      <c r="O33" s="1">
        <v>3.7</v>
      </c>
      <c r="P33" s="1">
        <v>45.4</v>
      </c>
      <c r="Q33" s="1">
        <v>8.4</v>
      </c>
      <c r="R33" s="1">
        <v>12.5</v>
      </c>
      <c r="S33" s="1">
        <v>4.4000000000000004</v>
      </c>
      <c r="T33" s="1">
        <v>8.6999999999999993</v>
      </c>
      <c r="U33" s="1">
        <v>16.7</v>
      </c>
      <c r="V33" s="1">
        <v>28.9</v>
      </c>
      <c r="W33" s="1">
        <v>11.8</v>
      </c>
      <c r="X33" s="1">
        <v>2.7</v>
      </c>
      <c r="Y33" s="1">
        <v>1.7</v>
      </c>
      <c r="Z33" s="1">
        <v>32.299999999999997</v>
      </c>
      <c r="AA33" s="1">
        <v>7.6</v>
      </c>
      <c r="AB33" s="1">
        <v>35.6</v>
      </c>
      <c r="AC33" s="1">
        <v>12.2</v>
      </c>
      <c r="AD33" s="1">
        <v>3.6</v>
      </c>
      <c r="AE33" s="1">
        <v>25.6</v>
      </c>
      <c r="AF33" s="1">
        <v>39.799999999999997</v>
      </c>
      <c r="AG33" s="1">
        <v>32.5</v>
      </c>
      <c r="AH33" s="1">
        <v>21.2</v>
      </c>
      <c r="AI33" s="1">
        <v>21.2</v>
      </c>
      <c r="AJ33" s="1">
        <v>15.3</v>
      </c>
      <c r="AK33" s="1">
        <v>9.3000000000000007</v>
      </c>
      <c r="AL33" s="1">
        <v>0.1</v>
      </c>
      <c r="AM33" s="1"/>
      <c r="AN33" s="1">
        <v>479</v>
      </c>
      <c r="AO33" s="1">
        <v>28</v>
      </c>
      <c r="AP33" s="1">
        <v>227</v>
      </c>
      <c r="AQ33" s="1">
        <v>42</v>
      </c>
      <c r="AR33" s="1">
        <v>84</v>
      </c>
      <c r="AS33" s="1">
        <v>2</v>
      </c>
      <c r="AT33" s="1">
        <v>11</v>
      </c>
      <c r="AU33" s="1">
        <v>127</v>
      </c>
      <c r="AV33" s="1">
        <v>119</v>
      </c>
      <c r="AW33" s="1">
        <v>38</v>
      </c>
      <c r="AX33" s="1">
        <v>11</v>
      </c>
      <c r="AY33" s="1">
        <v>3</v>
      </c>
      <c r="AZ33" s="1">
        <v>10</v>
      </c>
      <c r="BA33" s="1">
        <v>7</v>
      </c>
      <c r="BB33" s="1"/>
      <c r="BC33" s="30">
        <v>0.26874999999999999</v>
      </c>
      <c r="BD33" s="30">
        <v>0.29375000000000001</v>
      </c>
      <c r="BE33" s="30">
        <v>0.78888888888888886</v>
      </c>
      <c r="BF33" s="30">
        <v>0.94930555555555551</v>
      </c>
      <c r="BG33" s="30">
        <v>0.34097222222222223</v>
      </c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  <c r="CA33" s="1"/>
      <c r="CB33" s="1"/>
      <c r="CC33" s="1"/>
      <c r="CD33" s="1"/>
      <c r="CE33" s="1"/>
      <c r="CF33" s="1"/>
      <c r="CG33" s="1"/>
      <c r="CH33" s="1"/>
      <c r="CI33" s="1"/>
      <c r="CJ33" s="1"/>
      <c r="CK33" s="1"/>
      <c r="CL33" s="1"/>
      <c r="CM33" s="1"/>
      <c r="CN33" s="1"/>
      <c r="CO33" s="1"/>
      <c r="CP33" s="1"/>
      <c r="CQ33" s="1"/>
      <c r="CR33" s="1"/>
      <c r="CS33" s="1"/>
      <c r="CT33" s="1"/>
      <c r="CU33" s="1"/>
      <c r="CV33" s="1"/>
      <c r="CW33" s="1"/>
      <c r="CX33" s="1"/>
      <c r="CY33" s="1"/>
      <c r="CZ33" s="1"/>
      <c r="DB33" s="1"/>
      <c r="DC33" s="1"/>
    </row>
    <row r="34" spans="1:107" x14ac:dyDescent="0.7">
      <c r="A34" s="1" t="s">
        <v>62</v>
      </c>
      <c r="B34" s="1">
        <v>64.8</v>
      </c>
      <c r="C34" s="1">
        <v>9.1</v>
      </c>
      <c r="D34" s="1">
        <v>2.6</v>
      </c>
      <c r="E34" s="1">
        <v>5.6</v>
      </c>
      <c r="F34" s="1">
        <v>6</v>
      </c>
      <c r="G34" s="1">
        <v>9.9</v>
      </c>
      <c r="H34" s="1">
        <v>42.6</v>
      </c>
      <c r="I34" s="1">
        <v>4.3</v>
      </c>
      <c r="J34" s="1">
        <v>12.4</v>
      </c>
      <c r="K34" s="1">
        <v>11.2</v>
      </c>
      <c r="L34" s="1">
        <v>4.3</v>
      </c>
      <c r="M34" s="1">
        <v>23.9</v>
      </c>
      <c r="N34" s="1">
        <v>3.6</v>
      </c>
      <c r="O34" s="1">
        <v>4.0999999999999996</v>
      </c>
      <c r="P34" s="1">
        <v>51.2</v>
      </c>
      <c r="Q34" s="1">
        <v>9.1999999999999993</v>
      </c>
      <c r="R34" s="1">
        <v>11.2</v>
      </c>
      <c r="S34" s="1">
        <v>5.4</v>
      </c>
      <c r="T34" s="1">
        <v>9.5</v>
      </c>
      <c r="U34" s="1">
        <v>20</v>
      </c>
      <c r="V34" s="1">
        <v>30.1</v>
      </c>
      <c r="W34" s="1">
        <v>11.4</v>
      </c>
      <c r="X34" s="1">
        <v>3</v>
      </c>
      <c r="Y34" s="1">
        <v>1.5</v>
      </c>
      <c r="Z34" s="1">
        <v>33.5</v>
      </c>
      <c r="AA34" s="1">
        <v>5.9</v>
      </c>
      <c r="AB34" s="1">
        <v>39.799999999999997</v>
      </c>
      <c r="AC34" s="1">
        <v>15</v>
      </c>
      <c r="AD34" s="1">
        <v>5.6</v>
      </c>
      <c r="AE34" s="1">
        <v>23.2</v>
      </c>
      <c r="AF34" s="1">
        <v>43</v>
      </c>
      <c r="AG34" s="1">
        <v>36.200000000000003</v>
      </c>
      <c r="AH34" s="1">
        <v>24.3</v>
      </c>
      <c r="AI34" s="1">
        <v>24.3</v>
      </c>
      <c r="AJ34" s="1">
        <v>17.399999999999999</v>
      </c>
      <c r="AK34" s="1">
        <v>11.7</v>
      </c>
      <c r="AL34" s="1">
        <v>0.5</v>
      </c>
      <c r="AM34" s="1"/>
      <c r="AN34" s="1">
        <v>470</v>
      </c>
      <c r="AO34" s="1">
        <v>29</v>
      </c>
      <c r="AP34" s="1">
        <v>208</v>
      </c>
      <c r="AQ34" s="1">
        <v>41</v>
      </c>
      <c r="AR34" s="1">
        <v>91</v>
      </c>
      <c r="AS34" s="1">
        <v>3</v>
      </c>
      <c r="AT34" s="1">
        <v>13</v>
      </c>
      <c r="AU34" s="1">
        <v>124</v>
      </c>
      <c r="AV34" s="1">
        <v>121</v>
      </c>
      <c r="AW34" s="1">
        <v>47</v>
      </c>
      <c r="AX34" s="1">
        <v>13</v>
      </c>
      <c r="AY34" s="1">
        <v>3</v>
      </c>
      <c r="AZ34" s="1">
        <v>10</v>
      </c>
      <c r="BA34" s="1">
        <v>6</v>
      </c>
      <c r="BB34" s="1"/>
      <c r="BC34" s="30">
        <v>0.26944444444444443</v>
      </c>
      <c r="BD34" s="30">
        <v>0.29236111111111113</v>
      </c>
      <c r="BE34" s="30">
        <v>0.78402777777777777</v>
      </c>
      <c r="BF34" s="30">
        <v>0.95694444444444449</v>
      </c>
      <c r="BG34" s="30">
        <v>0.34583333333333333</v>
      </c>
      <c r="BH34" s="1"/>
      <c r="BI34" s="1"/>
      <c r="BJ34" s="1"/>
      <c r="BK34" s="1"/>
      <c r="BL34" s="1"/>
      <c r="BM34" s="1"/>
      <c r="BN34" s="1"/>
      <c r="BO34" s="1"/>
      <c r="BP34" s="1"/>
      <c r="BQ34" s="1"/>
      <c r="BR34" s="1"/>
      <c r="BS34" s="1"/>
      <c r="BT34" s="1"/>
      <c r="BU34" s="1"/>
      <c r="BV34" s="1"/>
      <c r="BW34" s="1"/>
      <c r="BX34" s="1"/>
      <c r="BY34" s="1"/>
      <c r="BZ34" s="1"/>
      <c r="CA34" s="1"/>
      <c r="CB34" s="1"/>
      <c r="CC34" s="1"/>
      <c r="CD34" s="1"/>
      <c r="CE34" s="1"/>
      <c r="CF34" s="1"/>
      <c r="CG34" s="1"/>
      <c r="CH34" s="1"/>
      <c r="CI34" s="1"/>
      <c r="CJ34" s="1"/>
      <c r="CK34" s="1"/>
      <c r="CL34" s="1"/>
      <c r="CM34" s="1"/>
      <c r="CN34" s="1"/>
      <c r="CO34" s="1"/>
      <c r="CP34" s="1"/>
      <c r="CQ34" s="1"/>
      <c r="CR34" s="1"/>
      <c r="CS34" s="1"/>
      <c r="CT34" s="1"/>
      <c r="CU34" s="1"/>
      <c r="CV34" s="1"/>
      <c r="CW34" s="1"/>
      <c r="CX34" s="1"/>
      <c r="CY34" s="1"/>
      <c r="CZ34" s="1"/>
      <c r="DB34" s="1"/>
      <c r="DC34" s="1"/>
    </row>
    <row r="35" spans="1:107" x14ac:dyDescent="0.7">
      <c r="A35" s="1" t="s">
        <v>63</v>
      </c>
      <c r="B35" s="1">
        <v>65.3</v>
      </c>
      <c r="C35" s="1">
        <v>12.2</v>
      </c>
      <c r="D35" s="1">
        <v>2.1</v>
      </c>
      <c r="E35" s="1">
        <v>6.6</v>
      </c>
      <c r="F35" s="1">
        <v>7.3</v>
      </c>
      <c r="G35" s="1">
        <v>9.6</v>
      </c>
      <c r="H35" s="1">
        <v>42.2</v>
      </c>
      <c r="I35" s="1">
        <v>3.9</v>
      </c>
      <c r="J35" s="1">
        <v>22.9</v>
      </c>
      <c r="K35" s="1">
        <v>11.4</v>
      </c>
      <c r="L35" s="1">
        <v>5.5</v>
      </c>
      <c r="M35" s="1">
        <v>29.9</v>
      </c>
      <c r="N35" s="1">
        <v>3.8</v>
      </c>
      <c r="O35" s="1">
        <v>5.3</v>
      </c>
      <c r="P35" s="1">
        <v>51.3</v>
      </c>
      <c r="Q35" s="1">
        <v>9</v>
      </c>
      <c r="R35" s="1">
        <v>14.4</v>
      </c>
      <c r="S35" s="1">
        <v>4.9000000000000004</v>
      </c>
      <c r="T35" s="1">
        <v>8.4</v>
      </c>
      <c r="U35" s="1">
        <v>18.3</v>
      </c>
      <c r="V35" s="1">
        <v>25.1</v>
      </c>
      <c r="W35" s="1">
        <v>12.5</v>
      </c>
      <c r="X35" s="1">
        <v>3.5</v>
      </c>
      <c r="Y35" s="1">
        <v>1.2</v>
      </c>
      <c r="Z35" s="1">
        <v>34.9</v>
      </c>
      <c r="AA35" s="1">
        <v>6.8</v>
      </c>
      <c r="AB35" s="1">
        <v>41.1</v>
      </c>
      <c r="AC35" s="1">
        <v>16.3</v>
      </c>
      <c r="AD35" s="1">
        <v>6.8</v>
      </c>
      <c r="AE35" s="1">
        <v>18.600000000000001</v>
      </c>
      <c r="AF35" s="1">
        <v>47.1</v>
      </c>
      <c r="AG35" s="1">
        <v>38</v>
      </c>
      <c r="AH35" s="1">
        <v>28.6</v>
      </c>
      <c r="AI35" s="1">
        <v>28.5</v>
      </c>
      <c r="AJ35" s="1">
        <v>19.100000000000001</v>
      </c>
      <c r="AK35" s="1">
        <v>15.9</v>
      </c>
      <c r="AL35" s="1">
        <v>0.4</v>
      </c>
      <c r="AM35" s="1"/>
      <c r="AN35" s="1">
        <v>479</v>
      </c>
      <c r="AO35" s="1">
        <v>29</v>
      </c>
      <c r="AP35" s="1">
        <v>203</v>
      </c>
      <c r="AQ35" s="1">
        <v>41</v>
      </c>
      <c r="AR35" s="1">
        <v>88</v>
      </c>
      <c r="AS35" s="1">
        <v>4</v>
      </c>
      <c r="AT35" s="1">
        <v>13</v>
      </c>
      <c r="AU35" s="1">
        <v>136</v>
      </c>
      <c r="AV35" s="1">
        <v>116</v>
      </c>
      <c r="AW35" s="1">
        <v>45</v>
      </c>
      <c r="AX35" s="1">
        <v>13</v>
      </c>
      <c r="AY35" s="1">
        <v>3</v>
      </c>
      <c r="AZ35" s="1">
        <v>9</v>
      </c>
      <c r="BA35" s="1">
        <v>8</v>
      </c>
      <c r="BB35" s="1"/>
      <c r="BC35" s="30">
        <v>0.27430555555555558</v>
      </c>
      <c r="BD35" s="30">
        <v>0.29375000000000001</v>
      </c>
      <c r="BE35" s="30">
        <v>0.78888888888888886</v>
      </c>
      <c r="BF35" s="30">
        <v>0.95625000000000004</v>
      </c>
      <c r="BG35" s="30">
        <v>0.34652777777777777</v>
      </c>
      <c r="BH35" s="1"/>
      <c r="BI35" s="1"/>
      <c r="BJ35" s="1"/>
      <c r="BK35" s="1"/>
      <c r="BL35" s="1"/>
      <c r="BM35" s="1"/>
      <c r="BN35" s="1"/>
      <c r="BO35" s="1"/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  <c r="CA35" s="1"/>
      <c r="CB35" s="1"/>
      <c r="CC35" s="1"/>
      <c r="CD35" s="1"/>
      <c r="CE35" s="1"/>
      <c r="CF35" s="1"/>
      <c r="CG35" s="1"/>
      <c r="CH35" s="1"/>
      <c r="CI35" s="1"/>
      <c r="CJ35" s="1"/>
      <c r="CK35" s="1"/>
      <c r="CL35" s="1"/>
      <c r="CM35" s="1"/>
      <c r="CN35" s="1"/>
      <c r="CO35" s="1"/>
      <c r="CP35" s="1"/>
      <c r="CQ35" s="1"/>
      <c r="CR35" s="1"/>
      <c r="CS35" s="1"/>
      <c r="CT35" s="1"/>
      <c r="CU35" s="1"/>
      <c r="CV35" s="1"/>
      <c r="CW35" s="1"/>
      <c r="CX35" s="1"/>
      <c r="CY35" s="1"/>
      <c r="CZ35" s="1"/>
      <c r="DB35" s="1"/>
      <c r="DC35" s="1"/>
    </row>
    <row r="36" spans="1:107" x14ac:dyDescent="0.7">
      <c r="A36" s="1" t="s">
        <v>64</v>
      </c>
      <c r="B36" s="1">
        <v>63.2</v>
      </c>
      <c r="C36" s="1">
        <v>11.2</v>
      </c>
      <c r="D36" s="1">
        <v>1.2</v>
      </c>
      <c r="E36" s="1">
        <v>6</v>
      </c>
      <c r="F36" s="1">
        <v>5.7</v>
      </c>
      <c r="G36" s="1">
        <v>10.4</v>
      </c>
      <c r="H36" s="1">
        <v>41.2</v>
      </c>
      <c r="I36" s="1">
        <v>3.7</v>
      </c>
      <c r="J36" s="1">
        <v>12.4</v>
      </c>
      <c r="K36" s="1">
        <v>8.6999999999999993</v>
      </c>
      <c r="L36" s="1">
        <v>3.7</v>
      </c>
      <c r="M36" s="1">
        <v>22.7</v>
      </c>
      <c r="N36" s="1">
        <v>2.6</v>
      </c>
      <c r="O36" s="1">
        <v>3.4</v>
      </c>
      <c r="P36" s="1">
        <v>47.6</v>
      </c>
      <c r="Q36" s="1">
        <v>9</v>
      </c>
      <c r="R36" s="1">
        <v>12.2</v>
      </c>
      <c r="S36" s="1">
        <v>5.6</v>
      </c>
      <c r="T36" s="1">
        <v>9</v>
      </c>
      <c r="U36" s="1">
        <v>16.100000000000001</v>
      </c>
      <c r="V36" s="1">
        <v>28.3</v>
      </c>
      <c r="W36" s="1">
        <v>10.3</v>
      </c>
      <c r="X36" s="1">
        <v>3</v>
      </c>
      <c r="Y36" s="1">
        <v>1.3</v>
      </c>
      <c r="Z36" s="1">
        <v>31.8</v>
      </c>
      <c r="AA36" s="1">
        <v>6.7</v>
      </c>
      <c r="AB36" s="1">
        <v>37.6</v>
      </c>
      <c r="AC36" s="1">
        <v>16.100000000000001</v>
      </c>
      <c r="AD36" s="1">
        <v>4.3</v>
      </c>
      <c r="AE36" s="1">
        <v>20.100000000000001</v>
      </c>
      <c r="AF36" s="1">
        <v>43.5</v>
      </c>
      <c r="AG36" s="1">
        <v>36.299999999999997</v>
      </c>
      <c r="AH36" s="1">
        <v>24.2</v>
      </c>
      <c r="AI36" s="1">
        <v>24.1</v>
      </c>
      <c r="AJ36" s="1">
        <v>16.899999999999999</v>
      </c>
      <c r="AK36" s="1">
        <v>12.7</v>
      </c>
      <c r="AL36" s="1">
        <v>0.4</v>
      </c>
      <c r="AM36" s="1"/>
      <c r="AN36" s="1">
        <v>477</v>
      </c>
      <c r="AO36" s="1">
        <v>25</v>
      </c>
      <c r="AP36" s="1">
        <v>193</v>
      </c>
      <c r="AQ36" s="1">
        <v>37</v>
      </c>
      <c r="AR36" s="1">
        <v>92</v>
      </c>
      <c r="AS36" s="1">
        <v>3</v>
      </c>
      <c r="AT36" s="1">
        <v>13</v>
      </c>
      <c r="AU36" s="1">
        <v>148</v>
      </c>
      <c r="AV36" s="1">
        <v>115</v>
      </c>
      <c r="AW36" s="1">
        <v>46</v>
      </c>
      <c r="AX36" s="1">
        <v>13</v>
      </c>
      <c r="AY36" s="1">
        <v>2</v>
      </c>
      <c r="AZ36" s="1">
        <v>10</v>
      </c>
      <c r="BA36" s="1">
        <v>7</v>
      </c>
      <c r="BB36" s="1"/>
      <c r="BC36" s="30">
        <v>0.26666666666666666</v>
      </c>
      <c r="BD36" s="30">
        <v>0.28958333333333336</v>
      </c>
      <c r="BE36" s="30">
        <v>0.78055555555555556</v>
      </c>
      <c r="BF36" s="30">
        <v>0.94791666666666663</v>
      </c>
      <c r="BG36" s="30">
        <v>0.34236111111111112</v>
      </c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  <c r="CA36" s="1"/>
      <c r="CB36" s="1"/>
      <c r="CC36" s="1"/>
      <c r="CD36" s="1"/>
      <c r="CE36" s="1"/>
      <c r="CF36" s="1"/>
      <c r="CG36" s="1"/>
      <c r="CH36" s="1"/>
      <c r="CI36" s="1"/>
      <c r="CJ36" s="1"/>
      <c r="CK36" s="1"/>
      <c r="CL36" s="1"/>
      <c r="CM36" s="1"/>
      <c r="CN36" s="1"/>
      <c r="CO36" s="1"/>
      <c r="CP36" s="1"/>
      <c r="CQ36" s="1"/>
      <c r="CR36" s="1"/>
      <c r="CS36" s="1"/>
      <c r="CT36" s="1"/>
      <c r="CU36" s="1"/>
      <c r="CV36" s="1"/>
      <c r="CW36" s="1"/>
      <c r="CX36" s="1"/>
      <c r="CY36" s="1"/>
      <c r="CZ36" s="1"/>
      <c r="DB36" s="1"/>
      <c r="DC36" s="1"/>
    </row>
    <row r="37" spans="1:107" x14ac:dyDescent="0.7">
      <c r="A37" s="1" t="s">
        <v>65</v>
      </c>
      <c r="B37" s="1">
        <v>60.9</v>
      </c>
      <c r="C37" s="1">
        <v>9.5</v>
      </c>
      <c r="D37" s="1">
        <v>1</v>
      </c>
      <c r="E37" s="1">
        <v>6.1</v>
      </c>
      <c r="F37" s="1">
        <v>6.4</v>
      </c>
      <c r="G37" s="1">
        <v>8.1</v>
      </c>
      <c r="H37" s="1">
        <v>39.6</v>
      </c>
      <c r="I37" s="1">
        <v>3.4</v>
      </c>
      <c r="J37" s="1">
        <v>12.1</v>
      </c>
      <c r="K37" s="1">
        <v>7.2</v>
      </c>
      <c r="L37" s="1">
        <v>4</v>
      </c>
      <c r="M37" s="1">
        <v>23.3</v>
      </c>
      <c r="N37" s="1">
        <v>2</v>
      </c>
      <c r="O37" s="1">
        <v>3</v>
      </c>
      <c r="P37" s="1">
        <v>44.3</v>
      </c>
      <c r="Q37" s="1">
        <v>7.7</v>
      </c>
      <c r="R37" s="1">
        <v>9.8000000000000007</v>
      </c>
      <c r="S37" s="1">
        <v>5.2</v>
      </c>
      <c r="T37" s="1">
        <v>8.3000000000000007</v>
      </c>
      <c r="U37" s="1">
        <v>17.2</v>
      </c>
      <c r="V37" s="1">
        <v>27.6</v>
      </c>
      <c r="W37" s="1">
        <v>10.7</v>
      </c>
      <c r="X37" s="1">
        <v>2.5</v>
      </c>
      <c r="Y37" s="1">
        <v>0.9</v>
      </c>
      <c r="Z37" s="1">
        <v>32.1</v>
      </c>
      <c r="AA37" s="1">
        <v>5.3</v>
      </c>
      <c r="AB37" s="1">
        <v>37.299999999999997</v>
      </c>
      <c r="AC37" s="1">
        <v>12.2</v>
      </c>
      <c r="AD37" s="1">
        <v>4.0999999999999996</v>
      </c>
      <c r="AE37" s="1">
        <v>17.399999999999999</v>
      </c>
      <c r="AF37" s="1">
        <v>32.200000000000003</v>
      </c>
      <c r="AG37" s="1">
        <v>26.7</v>
      </c>
      <c r="AH37" s="1">
        <v>16.399999999999999</v>
      </c>
      <c r="AI37" s="1">
        <v>16.3</v>
      </c>
      <c r="AJ37" s="1">
        <v>11.4</v>
      </c>
      <c r="AK37" s="1">
        <v>8.3000000000000007</v>
      </c>
      <c r="AL37" s="1">
        <v>0.2</v>
      </c>
      <c r="AM37" s="1"/>
      <c r="AN37" s="1">
        <v>472</v>
      </c>
      <c r="AO37" s="1">
        <v>23</v>
      </c>
      <c r="AP37" s="1">
        <v>203</v>
      </c>
      <c r="AQ37" s="1">
        <v>39</v>
      </c>
      <c r="AR37" s="1">
        <v>87</v>
      </c>
      <c r="AS37" s="1">
        <v>3</v>
      </c>
      <c r="AT37" s="1">
        <v>10</v>
      </c>
      <c r="AU37" s="1">
        <v>140</v>
      </c>
      <c r="AV37" s="1">
        <v>120</v>
      </c>
      <c r="AW37" s="1">
        <v>44</v>
      </c>
      <c r="AX37" s="1">
        <v>13</v>
      </c>
      <c r="AY37" s="1">
        <v>2</v>
      </c>
      <c r="AZ37" s="1">
        <v>9</v>
      </c>
      <c r="BA37" s="1">
        <v>8</v>
      </c>
      <c r="BB37" s="1"/>
      <c r="BC37" s="30">
        <v>0.27152777777777776</v>
      </c>
      <c r="BD37" s="30">
        <v>0.29583333333333334</v>
      </c>
      <c r="BE37" s="30">
        <v>0.78055555555555556</v>
      </c>
      <c r="BF37" s="30">
        <v>0.95208333333333328</v>
      </c>
      <c r="BG37" s="30">
        <v>0.33958333333333335</v>
      </c>
      <c r="BH37" s="1"/>
      <c r="BI37" s="1"/>
      <c r="BJ37" s="1"/>
      <c r="BK37" s="1"/>
      <c r="BL37" s="1"/>
      <c r="BM37" s="1"/>
      <c r="BN37" s="1"/>
      <c r="BO37" s="1"/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  <c r="CA37" s="1"/>
      <c r="CB37" s="1"/>
      <c r="CC37" s="1"/>
      <c r="CD37" s="1"/>
      <c r="CE37" s="1"/>
      <c r="CF37" s="1"/>
      <c r="CG37" s="1"/>
      <c r="CH37" s="1"/>
      <c r="CI37" s="1"/>
      <c r="CJ37" s="1"/>
      <c r="CK37" s="1"/>
      <c r="CL37" s="1"/>
      <c r="CM37" s="1"/>
      <c r="CN37" s="1"/>
      <c r="CO37" s="1"/>
      <c r="CP37" s="1"/>
      <c r="CQ37" s="1"/>
      <c r="CR37" s="1"/>
      <c r="CS37" s="1"/>
      <c r="CT37" s="1"/>
      <c r="CU37" s="1"/>
      <c r="CV37" s="1"/>
      <c r="CW37" s="1"/>
      <c r="CX37" s="1"/>
      <c r="CY37" s="1"/>
      <c r="CZ37" s="1"/>
      <c r="DB37" s="1"/>
      <c r="DC37" s="1"/>
    </row>
    <row r="38" spans="1:107" x14ac:dyDescent="0.7">
      <c r="A38" s="1" t="s">
        <v>66</v>
      </c>
      <c r="B38" s="1">
        <v>61.8</v>
      </c>
      <c r="C38" s="1">
        <v>9.6999999999999993</v>
      </c>
      <c r="D38" s="1">
        <v>0.6</v>
      </c>
      <c r="E38" s="1">
        <v>7.1</v>
      </c>
      <c r="F38" s="1">
        <v>6.9</v>
      </c>
      <c r="G38" s="1">
        <v>9.1999999999999993</v>
      </c>
      <c r="H38" s="1">
        <v>39.6</v>
      </c>
      <c r="I38" s="1">
        <v>5.6</v>
      </c>
      <c r="J38" s="1">
        <v>11.5</v>
      </c>
      <c r="K38" s="1">
        <v>9.3000000000000007</v>
      </c>
      <c r="L38" s="1">
        <v>4.2</v>
      </c>
      <c r="M38" s="1">
        <v>25.5</v>
      </c>
      <c r="N38" s="1">
        <v>3.2</v>
      </c>
      <c r="O38" s="1">
        <v>3.8</v>
      </c>
      <c r="P38" s="1">
        <v>47.6</v>
      </c>
      <c r="Q38" s="1">
        <v>8.1999999999999993</v>
      </c>
      <c r="R38" s="1">
        <v>13.7</v>
      </c>
      <c r="S38" s="1">
        <v>4.9000000000000004</v>
      </c>
      <c r="T38" s="1">
        <v>7.9</v>
      </c>
      <c r="U38" s="1">
        <v>17.5</v>
      </c>
      <c r="V38" s="1">
        <v>27.4</v>
      </c>
      <c r="W38" s="1">
        <v>9.9</v>
      </c>
      <c r="X38" s="1">
        <v>3.3</v>
      </c>
      <c r="Y38" s="1">
        <v>1.1000000000000001</v>
      </c>
      <c r="Z38" s="1">
        <v>33.6</v>
      </c>
      <c r="AA38" s="1">
        <v>6.5</v>
      </c>
      <c r="AB38" s="1">
        <v>39.6</v>
      </c>
      <c r="AC38" s="1">
        <v>17.600000000000001</v>
      </c>
      <c r="AD38" s="1">
        <v>4.7</v>
      </c>
      <c r="AE38" s="1">
        <v>18.100000000000001</v>
      </c>
      <c r="AF38" s="1">
        <v>39</v>
      </c>
      <c r="AG38" s="1">
        <v>32.1</v>
      </c>
      <c r="AH38" s="1">
        <v>21.3</v>
      </c>
      <c r="AI38" s="1">
        <v>21.2</v>
      </c>
      <c r="AJ38" s="1">
        <v>14.1</v>
      </c>
      <c r="AK38" s="1">
        <v>10.6</v>
      </c>
      <c r="AL38" s="1">
        <v>0.3</v>
      </c>
      <c r="AM38" s="1"/>
      <c r="AN38" s="1">
        <v>477</v>
      </c>
      <c r="AO38" s="1">
        <v>26</v>
      </c>
      <c r="AP38" s="1">
        <v>204</v>
      </c>
      <c r="AQ38" s="1">
        <v>41</v>
      </c>
      <c r="AR38" s="1">
        <v>88</v>
      </c>
      <c r="AS38" s="1">
        <v>3</v>
      </c>
      <c r="AT38" s="1">
        <v>15</v>
      </c>
      <c r="AU38" s="1">
        <v>144</v>
      </c>
      <c r="AV38" s="1">
        <v>111</v>
      </c>
      <c r="AW38" s="1">
        <v>44</v>
      </c>
      <c r="AX38" s="1">
        <v>13</v>
      </c>
      <c r="AY38" s="1">
        <v>2</v>
      </c>
      <c r="AZ38" s="1">
        <v>11</v>
      </c>
      <c r="BA38" s="1">
        <v>6</v>
      </c>
      <c r="BB38" s="1"/>
      <c r="BC38" s="30">
        <v>0.26874999999999999</v>
      </c>
      <c r="BD38" s="30">
        <v>0.29166666666666669</v>
      </c>
      <c r="BE38" s="30">
        <v>0.78194444444444444</v>
      </c>
      <c r="BF38" s="30">
        <v>0.94930555555555551</v>
      </c>
      <c r="BG38" s="30">
        <v>0.33333333333333331</v>
      </c>
      <c r="BH38" s="1"/>
      <c r="BI38" s="1"/>
      <c r="BJ38" s="1"/>
      <c r="BK38" s="1"/>
      <c r="BL38" s="1"/>
      <c r="BM38" s="1"/>
      <c r="BN38" s="1"/>
      <c r="BO38" s="1"/>
      <c r="BP38" s="1"/>
      <c r="BQ38" s="1"/>
      <c r="BR38" s="1"/>
      <c r="BS38" s="1"/>
      <c r="BT38" s="1"/>
      <c r="BU38" s="1"/>
      <c r="BV38" s="1"/>
      <c r="BW38" s="1"/>
      <c r="BX38" s="1"/>
      <c r="BY38" s="1"/>
      <c r="BZ38" s="1"/>
      <c r="CA38" s="1"/>
      <c r="CB38" s="1"/>
      <c r="CC38" s="1"/>
      <c r="CD38" s="1"/>
      <c r="CE38" s="1"/>
      <c r="CF38" s="1"/>
      <c r="CG38" s="1"/>
      <c r="CH38" s="1"/>
      <c r="CI38" s="1"/>
      <c r="CJ38" s="1"/>
      <c r="CK38" s="1"/>
      <c r="CL38" s="1"/>
      <c r="CM38" s="1"/>
      <c r="CN38" s="1"/>
      <c r="CO38" s="1"/>
      <c r="CP38" s="1"/>
      <c r="CQ38" s="1"/>
      <c r="CR38" s="1"/>
      <c r="CS38" s="1"/>
      <c r="CT38" s="1"/>
      <c r="CU38" s="1"/>
      <c r="CV38" s="1"/>
      <c r="CW38" s="1"/>
      <c r="CX38" s="1"/>
      <c r="CY38" s="1"/>
      <c r="CZ38" s="1"/>
      <c r="DB38" s="1"/>
      <c r="DC38" s="1"/>
    </row>
    <row r="39" spans="1:107" x14ac:dyDescent="0.7">
      <c r="A39" s="1" t="s">
        <v>67</v>
      </c>
      <c r="B39" s="1">
        <v>64</v>
      </c>
      <c r="C39" s="1">
        <v>11.9</v>
      </c>
      <c r="D39" s="1">
        <v>1.3</v>
      </c>
      <c r="E39" s="1">
        <v>4.9000000000000004</v>
      </c>
      <c r="F39" s="1">
        <v>5.4</v>
      </c>
      <c r="G39" s="1">
        <v>9.1999999999999993</v>
      </c>
      <c r="H39" s="1">
        <v>42.2</v>
      </c>
      <c r="I39" s="1">
        <v>3.8</v>
      </c>
      <c r="J39" s="1">
        <v>13</v>
      </c>
      <c r="K39" s="1">
        <v>8.8000000000000007</v>
      </c>
      <c r="L39" s="1">
        <v>3.9</v>
      </c>
      <c r="M39" s="1">
        <v>23.1</v>
      </c>
      <c r="N39" s="1">
        <v>2.2000000000000002</v>
      </c>
      <c r="O39" s="1">
        <v>3.3</v>
      </c>
      <c r="P39" s="1">
        <v>48.2</v>
      </c>
      <c r="Q39" s="1">
        <v>7.4</v>
      </c>
      <c r="R39" s="1">
        <v>14</v>
      </c>
      <c r="S39" s="1">
        <v>4.0999999999999996</v>
      </c>
      <c r="T39" s="1">
        <v>7.9</v>
      </c>
      <c r="U39" s="1">
        <v>17.100000000000001</v>
      </c>
      <c r="V39" s="1">
        <v>28.7</v>
      </c>
      <c r="W39" s="1">
        <v>10.9</v>
      </c>
      <c r="X39" s="1">
        <v>2.2999999999999998</v>
      </c>
      <c r="Y39" s="1">
        <v>1</v>
      </c>
      <c r="Z39" s="1">
        <v>34.4</v>
      </c>
      <c r="AA39" s="1">
        <v>6.8</v>
      </c>
      <c r="AB39" s="1">
        <v>39.4</v>
      </c>
      <c r="AC39" s="1">
        <v>13.2</v>
      </c>
      <c r="AD39" s="1">
        <v>3.8</v>
      </c>
      <c r="AE39" s="1">
        <v>19.600000000000001</v>
      </c>
      <c r="AF39" s="1">
        <v>37.4</v>
      </c>
      <c r="AG39" s="1">
        <v>31</v>
      </c>
      <c r="AH39" s="1">
        <v>18.100000000000001</v>
      </c>
      <c r="AI39" s="1">
        <v>18.100000000000001</v>
      </c>
      <c r="AJ39" s="1">
        <v>12.2</v>
      </c>
      <c r="AK39" s="1">
        <v>9.1999999999999993</v>
      </c>
      <c r="AL39" s="1">
        <v>0.1</v>
      </c>
      <c r="AM39" s="1"/>
      <c r="AN39" s="1">
        <v>473</v>
      </c>
      <c r="AO39" s="1">
        <v>22</v>
      </c>
      <c r="AP39" s="1">
        <v>198</v>
      </c>
      <c r="AQ39" s="1">
        <v>37</v>
      </c>
      <c r="AR39" s="1">
        <v>93</v>
      </c>
      <c r="AS39" s="1">
        <v>4</v>
      </c>
      <c r="AT39" s="1">
        <v>11</v>
      </c>
      <c r="AU39" s="1">
        <v>152</v>
      </c>
      <c r="AV39" s="1">
        <v>117</v>
      </c>
      <c r="AW39" s="1">
        <v>48</v>
      </c>
      <c r="AX39" s="1">
        <v>13</v>
      </c>
      <c r="AY39" s="1">
        <v>2</v>
      </c>
      <c r="AZ39" s="1">
        <v>10</v>
      </c>
      <c r="BA39" s="1">
        <v>7</v>
      </c>
      <c r="BB39" s="1"/>
      <c r="BC39" s="30">
        <v>0.27152777777777776</v>
      </c>
      <c r="BD39" s="30">
        <v>0.29791666666666666</v>
      </c>
      <c r="BE39" s="30">
        <v>0.77986111111111112</v>
      </c>
      <c r="BF39" s="30">
        <v>0.95625000000000004</v>
      </c>
      <c r="BG39" s="30">
        <v>0.34375</v>
      </c>
      <c r="BH39" s="1"/>
      <c r="BI39" s="1"/>
      <c r="BJ39" s="1"/>
      <c r="BK39" s="1"/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  <c r="CA39" s="1"/>
      <c r="CB39" s="1"/>
      <c r="CC39" s="1"/>
      <c r="CD39" s="1"/>
      <c r="CE39" s="1"/>
      <c r="CF39" s="1"/>
      <c r="CG39" s="1"/>
      <c r="CH39" s="1"/>
      <c r="CI39" s="1"/>
      <c r="CJ39" s="1"/>
      <c r="CK39" s="1"/>
      <c r="CL39" s="1"/>
      <c r="CM39" s="1"/>
      <c r="CN39" s="1"/>
      <c r="CO39" s="1"/>
      <c r="CP39" s="1"/>
      <c r="CQ39" s="1"/>
      <c r="CR39" s="1"/>
      <c r="CS39" s="1"/>
      <c r="CT39" s="1"/>
      <c r="CU39" s="1"/>
      <c r="CV39" s="1"/>
      <c r="CW39" s="1"/>
      <c r="CX39" s="1"/>
      <c r="CY39" s="1"/>
      <c r="CZ39" s="1"/>
      <c r="DB39" s="1"/>
      <c r="DC39" s="1"/>
    </row>
    <row r="40" spans="1:107" x14ac:dyDescent="0.7">
      <c r="A40" s="1" t="s">
        <v>68</v>
      </c>
      <c r="B40" s="1">
        <v>59.4</v>
      </c>
      <c r="C40" s="1">
        <v>10.8</v>
      </c>
      <c r="D40" s="1">
        <v>1.1000000000000001</v>
      </c>
      <c r="E40" s="1">
        <v>4.0999999999999996</v>
      </c>
      <c r="F40" s="1">
        <v>5.3</v>
      </c>
      <c r="G40" s="1">
        <v>8</v>
      </c>
      <c r="H40" s="1">
        <v>36.9</v>
      </c>
      <c r="I40" s="1">
        <v>3.3</v>
      </c>
      <c r="J40" s="1">
        <v>10.8</v>
      </c>
      <c r="K40" s="1">
        <v>9.9</v>
      </c>
      <c r="L40" s="1">
        <v>3.5</v>
      </c>
      <c r="M40" s="1">
        <v>24.2</v>
      </c>
      <c r="N40" s="1">
        <v>2.2000000000000002</v>
      </c>
      <c r="O40" s="1">
        <v>4.3</v>
      </c>
      <c r="P40" s="1">
        <v>45.7</v>
      </c>
      <c r="Q40" s="1">
        <v>8.6</v>
      </c>
      <c r="R40" s="1">
        <v>12</v>
      </c>
      <c r="S40" s="1">
        <v>4.9000000000000004</v>
      </c>
      <c r="T40" s="1">
        <v>8.1</v>
      </c>
      <c r="U40" s="1">
        <v>15.6</v>
      </c>
      <c r="V40" s="1">
        <v>26</v>
      </c>
      <c r="W40" s="1">
        <v>10.3</v>
      </c>
      <c r="X40" s="1">
        <v>2.4</v>
      </c>
      <c r="Y40" s="1">
        <v>1.3</v>
      </c>
      <c r="Z40" s="1">
        <v>32.5</v>
      </c>
      <c r="AA40" s="1">
        <v>7.7</v>
      </c>
      <c r="AB40" s="1">
        <v>37.200000000000003</v>
      </c>
      <c r="AC40" s="1">
        <v>18.100000000000001</v>
      </c>
      <c r="AD40" s="1">
        <v>6.5</v>
      </c>
      <c r="AE40" s="1">
        <v>18.899999999999999</v>
      </c>
      <c r="AF40" s="1">
        <v>39.200000000000003</v>
      </c>
      <c r="AG40" s="1">
        <v>31.2</v>
      </c>
      <c r="AH40" s="1">
        <v>21</v>
      </c>
      <c r="AI40" s="1">
        <v>21</v>
      </c>
      <c r="AJ40" s="1">
        <v>13.9</v>
      </c>
      <c r="AK40" s="1">
        <v>11</v>
      </c>
      <c r="AL40" s="1">
        <v>0.1</v>
      </c>
      <c r="AM40" s="1"/>
      <c r="AN40" s="1">
        <v>484</v>
      </c>
      <c r="AO40" s="1">
        <v>25</v>
      </c>
      <c r="AP40" s="1">
        <v>207</v>
      </c>
      <c r="AQ40" s="1">
        <v>35</v>
      </c>
      <c r="AR40" s="1">
        <v>86</v>
      </c>
      <c r="AS40" s="1">
        <v>4</v>
      </c>
      <c r="AT40" s="1">
        <v>14</v>
      </c>
      <c r="AU40" s="1">
        <v>131</v>
      </c>
      <c r="AV40" s="1">
        <v>115</v>
      </c>
      <c r="AW40" s="1">
        <v>50</v>
      </c>
      <c r="AX40" s="1">
        <v>13</v>
      </c>
      <c r="AY40" s="1">
        <v>2</v>
      </c>
      <c r="AZ40" s="1">
        <v>9</v>
      </c>
      <c r="BA40" s="1">
        <v>9</v>
      </c>
      <c r="BB40" s="1"/>
      <c r="BC40" s="30">
        <v>0.27569444444444446</v>
      </c>
      <c r="BD40" s="30">
        <v>0.29791666666666666</v>
      </c>
      <c r="BE40" s="30">
        <v>0.78333333333333333</v>
      </c>
      <c r="BF40" s="30">
        <v>0.9458333333333333</v>
      </c>
      <c r="BG40" s="30">
        <v>0.35138888888888886</v>
      </c>
      <c r="BH40" s="1"/>
      <c r="BI40" s="1"/>
      <c r="BJ40" s="1"/>
      <c r="BK40" s="1"/>
      <c r="BL40" s="1"/>
      <c r="BM40" s="1"/>
      <c r="BN40" s="1"/>
      <c r="BO40" s="1"/>
      <c r="BP40" s="1"/>
      <c r="BQ40" s="1"/>
      <c r="BR40" s="1"/>
      <c r="BS40" s="1"/>
      <c r="BT40" s="1"/>
      <c r="BU40" s="1"/>
      <c r="BV40" s="1"/>
      <c r="BW40" s="1"/>
      <c r="BX40" s="1"/>
      <c r="BY40" s="1"/>
      <c r="BZ40" s="1"/>
      <c r="CA40" s="1"/>
      <c r="CB40" s="1"/>
      <c r="CC40" s="1"/>
      <c r="CD40" s="1"/>
      <c r="CE40" s="1"/>
      <c r="CF40" s="1"/>
      <c r="CG40" s="1"/>
      <c r="CH40" s="1"/>
      <c r="CI40" s="1"/>
      <c r="CJ40" s="1"/>
      <c r="CK40" s="1"/>
      <c r="CL40" s="1"/>
      <c r="CM40" s="1"/>
      <c r="CN40" s="1"/>
      <c r="CO40" s="1"/>
      <c r="CP40" s="1"/>
      <c r="CQ40" s="1"/>
      <c r="CR40" s="1"/>
      <c r="CS40" s="1"/>
      <c r="CT40" s="1"/>
      <c r="CU40" s="1"/>
      <c r="CV40" s="1"/>
      <c r="CW40" s="1"/>
      <c r="CX40" s="1"/>
      <c r="CY40" s="1"/>
      <c r="CZ40" s="1"/>
      <c r="DB40" s="1"/>
      <c r="DC40" s="1"/>
    </row>
    <row r="41" spans="1:107" x14ac:dyDescent="0.7">
      <c r="A41" s="1" t="s">
        <v>69</v>
      </c>
      <c r="B41" s="1">
        <v>67</v>
      </c>
      <c r="C41" s="1">
        <v>8.6</v>
      </c>
      <c r="D41" s="1">
        <v>0.6</v>
      </c>
      <c r="E41" s="1">
        <v>6.4</v>
      </c>
      <c r="F41" s="1">
        <v>7.7</v>
      </c>
      <c r="G41" s="1">
        <v>10.199999999999999</v>
      </c>
      <c r="H41" s="1">
        <v>45.7</v>
      </c>
      <c r="I41" s="1">
        <v>5</v>
      </c>
      <c r="J41" s="1">
        <v>17.399999999999999</v>
      </c>
      <c r="K41" s="1">
        <v>11.1</v>
      </c>
      <c r="L41" s="1">
        <v>7.1</v>
      </c>
      <c r="M41" s="1">
        <v>31.1</v>
      </c>
      <c r="N41" s="1">
        <v>3.5</v>
      </c>
      <c r="O41" s="1">
        <v>6.1</v>
      </c>
      <c r="P41" s="1">
        <v>52.5</v>
      </c>
      <c r="Q41" s="1">
        <v>8.6</v>
      </c>
      <c r="R41" s="1">
        <v>13.9</v>
      </c>
      <c r="S41" s="1">
        <v>5.0999999999999996</v>
      </c>
      <c r="T41" s="1">
        <v>8.1999999999999993</v>
      </c>
      <c r="U41" s="1">
        <v>18.899999999999999</v>
      </c>
      <c r="V41" s="1">
        <v>23.1</v>
      </c>
      <c r="W41" s="1">
        <v>9.3000000000000007</v>
      </c>
      <c r="X41" s="1">
        <v>3.2</v>
      </c>
      <c r="Y41" s="1">
        <v>1.5</v>
      </c>
      <c r="Z41" s="1">
        <v>36.6</v>
      </c>
      <c r="AA41" s="1">
        <v>6.6</v>
      </c>
      <c r="AB41" s="1">
        <v>42.5</v>
      </c>
      <c r="AC41" s="1">
        <v>19.5</v>
      </c>
      <c r="AD41" s="1">
        <v>6</v>
      </c>
      <c r="AE41" s="1">
        <v>19.100000000000001</v>
      </c>
      <c r="AF41" s="1">
        <v>52.3</v>
      </c>
      <c r="AG41" s="1">
        <v>40.799999999999997</v>
      </c>
      <c r="AH41" s="1">
        <v>36.5</v>
      </c>
      <c r="AI41" s="1">
        <v>36.5</v>
      </c>
      <c r="AJ41" s="1">
        <v>27</v>
      </c>
      <c r="AK41" s="1">
        <v>17.5</v>
      </c>
      <c r="AL41" s="1">
        <v>0.3</v>
      </c>
      <c r="AM41" s="1"/>
      <c r="AN41" s="1">
        <v>476</v>
      </c>
      <c r="AO41" s="1">
        <v>28</v>
      </c>
      <c r="AP41" s="1">
        <v>203</v>
      </c>
      <c r="AQ41" s="1">
        <v>44</v>
      </c>
      <c r="AR41" s="1">
        <v>84</v>
      </c>
      <c r="AS41" s="1">
        <v>3</v>
      </c>
      <c r="AT41" s="1">
        <v>17</v>
      </c>
      <c r="AU41" s="1">
        <v>131</v>
      </c>
      <c r="AV41" s="1">
        <v>118</v>
      </c>
      <c r="AW41" s="1">
        <v>49</v>
      </c>
      <c r="AX41" s="1">
        <v>13</v>
      </c>
      <c r="AY41" s="1">
        <v>2</v>
      </c>
      <c r="AZ41" s="1">
        <v>10</v>
      </c>
      <c r="BA41" s="1">
        <v>8</v>
      </c>
      <c r="BB41" s="1"/>
      <c r="BC41" s="30">
        <v>0.28333333333333333</v>
      </c>
      <c r="BD41" s="30">
        <v>0.30555555555555558</v>
      </c>
      <c r="BE41" s="30">
        <v>0.79097222222222219</v>
      </c>
      <c r="BF41" s="30">
        <v>0.96458333333333335</v>
      </c>
      <c r="BG41" s="30">
        <v>0.34722222222222221</v>
      </c>
      <c r="BH41" s="1"/>
      <c r="BI41" s="1"/>
      <c r="BJ41" s="1"/>
      <c r="BK41" s="1"/>
      <c r="BL41" s="1"/>
      <c r="BM41" s="1"/>
      <c r="BN41" s="1"/>
      <c r="BO41" s="1"/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  <c r="CA41" s="1"/>
      <c r="CB41" s="1"/>
      <c r="CC41" s="1"/>
      <c r="CD41" s="1"/>
      <c r="CE41" s="1"/>
      <c r="CF41" s="1"/>
      <c r="CG41" s="1"/>
      <c r="CH41" s="1"/>
      <c r="CI41" s="1"/>
      <c r="CJ41" s="1"/>
      <c r="CK41" s="1"/>
      <c r="CL41" s="1"/>
      <c r="CM41" s="1"/>
      <c r="CN41" s="1"/>
      <c r="CO41" s="1"/>
      <c r="CP41" s="1"/>
      <c r="CQ41" s="1"/>
      <c r="CR41" s="1"/>
      <c r="CS41" s="1"/>
      <c r="CT41" s="1"/>
      <c r="CU41" s="1"/>
      <c r="CV41" s="1"/>
      <c r="CW41" s="1"/>
      <c r="CX41" s="1"/>
      <c r="CY41" s="1"/>
      <c r="CZ41" s="1"/>
      <c r="DB41" s="1"/>
      <c r="DC41" s="1"/>
    </row>
    <row r="42" spans="1:107" x14ac:dyDescent="0.7">
      <c r="A42" s="1" t="s">
        <v>70</v>
      </c>
      <c r="B42" s="1">
        <v>62.8</v>
      </c>
      <c r="C42" s="1">
        <v>10.4</v>
      </c>
      <c r="D42" s="1">
        <v>0.7</v>
      </c>
      <c r="E42" s="1">
        <v>5.9</v>
      </c>
      <c r="F42" s="1">
        <v>5.7</v>
      </c>
      <c r="G42" s="1">
        <v>9.5</v>
      </c>
      <c r="H42" s="1">
        <v>38.6</v>
      </c>
      <c r="I42" s="1">
        <v>4</v>
      </c>
      <c r="J42" s="1">
        <v>13.6</v>
      </c>
      <c r="K42" s="1">
        <v>10.3</v>
      </c>
      <c r="L42" s="1">
        <v>5.4</v>
      </c>
      <c r="M42" s="1">
        <v>25.7</v>
      </c>
      <c r="N42" s="1">
        <v>3.7</v>
      </c>
      <c r="O42" s="1">
        <v>4.4000000000000004</v>
      </c>
      <c r="P42" s="1">
        <v>46.8</v>
      </c>
      <c r="Q42" s="1">
        <v>7.8</v>
      </c>
      <c r="R42" s="1">
        <v>12.2</v>
      </c>
      <c r="S42" s="1">
        <v>5.4</v>
      </c>
      <c r="T42" s="1">
        <v>8.3000000000000007</v>
      </c>
      <c r="U42" s="1">
        <v>17.600000000000001</v>
      </c>
      <c r="V42" s="1">
        <v>27.6</v>
      </c>
      <c r="W42" s="1">
        <v>11.3</v>
      </c>
      <c r="X42" s="1">
        <v>3.2</v>
      </c>
      <c r="Y42" s="1">
        <v>1.3</v>
      </c>
      <c r="Z42" s="1">
        <v>31.7</v>
      </c>
      <c r="AA42" s="1">
        <v>8.6</v>
      </c>
      <c r="AB42" s="1">
        <v>36.799999999999997</v>
      </c>
      <c r="AC42" s="1">
        <v>16.399999999999999</v>
      </c>
      <c r="AD42" s="1">
        <v>5.4</v>
      </c>
      <c r="AE42" s="1">
        <v>24.8</v>
      </c>
      <c r="AF42" s="1">
        <v>47.5</v>
      </c>
      <c r="AG42" s="1">
        <v>40.5</v>
      </c>
      <c r="AH42" s="1">
        <v>29.4</v>
      </c>
      <c r="AI42" s="1">
        <v>29.2</v>
      </c>
      <c r="AJ42" s="1">
        <v>23.8</v>
      </c>
      <c r="AK42" s="1">
        <v>11.7</v>
      </c>
      <c r="AL42" s="1">
        <v>0.3</v>
      </c>
      <c r="AM42" s="1"/>
      <c r="AN42" s="1">
        <v>478</v>
      </c>
      <c r="AO42" s="1">
        <v>28</v>
      </c>
      <c r="AP42" s="1">
        <v>223</v>
      </c>
      <c r="AQ42" s="1">
        <v>47</v>
      </c>
      <c r="AR42" s="1">
        <v>83</v>
      </c>
      <c r="AS42" s="1">
        <v>3</v>
      </c>
      <c r="AT42" s="1">
        <v>12</v>
      </c>
      <c r="AU42" s="1">
        <v>128</v>
      </c>
      <c r="AV42" s="1">
        <v>111</v>
      </c>
      <c r="AW42" s="1">
        <v>41</v>
      </c>
      <c r="AX42" s="1">
        <v>14</v>
      </c>
      <c r="AY42" s="1">
        <v>4</v>
      </c>
      <c r="AZ42" s="1">
        <v>11</v>
      </c>
      <c r="BA42" s="1">
        <v>7</v>
      </c>
      <c r="BB42" s="1"/>
      <c r="BC42" s="30">
        <v>0.27430555555555558</v>
      </c>
      <c r="BD42" s="30">
        <v>0.29791666666666666</v>
      </c>
      <c r="BE42" s="30">
        <v>0.7895833333333333</v>
      </c>
      <c r="BF42" s="30">
        <v>0.95416666666666672</v>
      </c>
      <c r="BG42" s="30">
        <v>0.34236111111111112</v>
      </c>
      <c r="BH42" s="1"/>
      <c r="BI42" s="1"/>
      <c r="BJ42" s="1"/>
      <c r="BK42" s="1"/>
      <c r="BL42" s="1"/>
      <c r="BM42" s="1"/>
      <c r="BN42" s="1"/>
      <c r="BO42" s="1"/>
      <c r="BP42" s="1"/>
      <c r="BQ42" s="1"/>
      <c r="BR42" s="1"/>
      <c r="BS42" s="1"/>
      <c r="BT42" s="1"/>
      <c r="BU42" s="1"/>
      <c r="BV42" s="1"/>
      <c r="BW42" s="1"/>
      <c r="BX42" s="1"/>
      <c r="BY42" s="1"/>
      <c r="BZ42" s="1"/>
      <c r="CA42" s="1"/>
      <c r="CB42" s="1"/>
      <c r="CC42" s="1"/>
      <c r="CD42" s="1"/>
      <c r="CE42" s="1"/>
      <c r="CF42" s="1"/>
      <c r="CG42" s="1"/>
      <c r="CH42" s="1"/>
      <c r="CI42" s="1"/>
      <c r="CJ42" s="1"/>
      <c r="CK42" s="1"/>
      <c r="CL42" s="1"/>
      <c r="CM42" s="1"/>
      <c r="CN42" s="1"/>
      <c r="CO42" s="1"/>
      <c r="CP42" s="1"/>
      <c r="CQ42" s="1"/>
      <c r="CR42" s="1"/>
      <c r="CS42" s="1"/>
      <c r="CT42" s="1"/>
      <c r="CU42" s="1"/>
      <c r="CV42" s="1"/>
      <c r="CW42" s="1"/>
      <c r="CX42" s="1"/>
      <c r="CY42" s="1"/>
      <c r="CZ42" s="1"/>
      <c r="DB42" s="1"/>
      <c r="DC42" s="1"/>
    </row>
    <row r="43" spans="1:107" x14ac:dyDescent="0.7">
      <c r="A43" s="1" t="s">
        <v>71</v>
      </c>
      <c r="B43" s="1">
        <v>57.8</v>
      </c>
      <c r="C43" s="1">
        <v>10.9</v>
      </c>
      <c r="D43" s="1">
        <v>0.2</v>
      </c>
      <c r="E43" s="1">
        <v>4.3</v>
      </c>
      <c r="F43" s="1">
        <v>2.7</v>
      </c>
      <c r="G43" s="1">
        <v>7.7</v>
      </c>
      <c r="H43" s="1">
        <v>37</v>
      </c>
      <c r="I43" s="1">
        <v>3.9</v>
      </c>
      <c r="J43" s="1">
        <v>13</v>
      </c>
      <c r="K43" s="1">
        <v>8.9</v>
      </c>
      <c r="L43" s="1">
        <v>3.6</v>
      </c>
      <c r="M43" s="1">
        <v>20.9</v>
      </c>
      <c r="N43" s="1">
        <v>2.7</v>
      </c>
      <c r="O43" s="1">
        <v>3.5</v>
      </c>
      <c r="P43" s="1">
        <v>44.3</v>
      </c>
      <c r="Q43" s="1">
        <v>7.1</v>
      </c>
      <c r="R43" s="1">
        <v>12</v>
      </c>
      <c r="S43" s="1">
        <v>5</v>
      </c>
      <c r="T43" s="1">
        <v>7.5</v>
      </c>
      <c r="U43" s="1">
        <v>15.7</v>
      </c>
      <c r="V43" s="1">
        <v>26.1</v>
      </c>
      <c r="W43" s="1">
        <v>10.5</v>
      </c>
      <c r="X43" s="1">
        <v>2.5</v>
      </c>
      <c r="Y43" s="1">
        <v>1.2</v>
      </c>
      <c r="Z43" s="1">
        <v>29.7</v>
      </c>
      <c r="AA43" s="1">
        <v>7.3</v>
      </c>
      <c r="AB43" s="1">
        <v>34.9</v>
      </c>
      <c r="AC43" s="1">
        <v>13</v>
      </c>
      <c r="AD43" s="1">
        <v>3.3</v>
      </c>
      <c r="AE43" s="1">
        <v>21</v>
      </c>
      <c r="AF43" s="1">
        <v>36.1</v>
      </c>
      <c r="AG43" s="1">
        <v>29.2</v>
      </c>
      <c r="AH43" s="1">
        <v>21.6</v>
      </c>
      <c r="AI43" s="1">
        <v>21.4</v>
      </c>
      <c r="AJ43" s="1">
        <v>15.7</v>
      </c>
      <c r="AK43" s="1">
        <v>9.5</v>
      </c>
      <c r="AL43" s="1">
        <v>0.4</v>
      </c>
      <c r="AM43" s="1"/>
      <c r="AN43" s="1">
        <v>472</v>
      </c>
      <c r="AO43" s="1">
        <v>26</v>
      </c>
      <c r="AP43" s="1">
        <v>212</v>
      </c>
      <c r="AQ43" s="1">
        <v>40</v>
      </c>
      <c r="AR43" s="1">
        <v>93</v>
      </c>
      <c r="AS43" s="1">
        <v>4</v>
      </c>
      <c r="AT43" s="1">
        <v>12</v>
      </c>
      <c r="AU43" s="1">
        <v>137</v>
      </c>
      <c r="AV43" s="1">
        <v>119</v>
      </c>
      <c r="AW43" s="1">
        <v>43</v>
      </c>
      <c r="AX43" s="1">
        <v>12</v>
      </c>
      <c r="AY43" s="1">
        <v>3</v>
      </c>
      <c r="AZ43" s="1">
        <v>8</v>
      </c>
      <c r="BA43" s="1">
        <v>7</v>
      </c>
      <c r="BB43" s="1"/>
      <c r="BC43" s="30">
        <v>0.2722222222222222</v>
      </c>
      <c r="BD43" s="30">
        <v>0.29583333333333334</v>
      </c>
      <c r="BE43" s="30">
        <v>0.78402777777777777</v>
      </c>
      <c r="BF43" s="30">
        <v>0.95486111111111116</v>
      </c>
      <c r="BG43" s="30">
        <v>0.33402777777777776</v>
      </c>
      <c r="BH43" s="1"/>
      <c r="BI43" s="1"/>
      <c r="BJ43" s="1"/>
      <c r="BK43" s="1"/>
      <c r="BL43" s="1"/>
      <c r="BM43" s="1"/>
      <c r="BN43" s="1"/>
      <c r="BO43" s="1"/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  <c r="CA43" s="1"/>
      <c r="CB43" s="1"/>
      <c r="CC43" s="1"/>
      <c r="CD43" s="1"/>
      <c r="CE43" s="1"/>
      <c r="CF43" s="1"/>
      <c r="CG43" s="1"/>
      <c r="CH43" s="1"/>
      <c r="CI43" s="1"/>
      <c r="CJ43" s="1"/>
      <c r="CK43" s="1"/>
      <c r="CL43" s="1"/>
      <c r="CM43" s="1"/>
      <c r="CN43" s="1"/>
      <c r="CO43" s="1"/>
      <c r="CP43" s="1"/>
      <c r="CQ43" s="1"/>
      <c r="CR43" s="1"/>
      <c r="CS43" s="1"/>
      <c r="CT43" s="1"/>
      <c r="CU43" s="1"/>
      <c r="CV43" s="1"/>
      <c r="CW43" s="1"/>
      <c r="CX43" s="1"/>
      <c r="CY43" s="1"/>
      <c r="CZ43" s="1"/>
      <c r="DB43" s="1"/>
      <c r="DC43" s="1"/>
    </row>
    <row r="44" spans="1:107" x14ac:dyDescent="0.7">
      <c r="A44" s="1" t="s">
        <v>72</v>
      </c>
      <c r="B44" s="1">
        <v>66.599999999999994</v>
      </c>
      <c r="C44" s="1">
        <v>11.8</v>
      </c>
      <c r="D44" s="1">
        <v>0.5</v>
      </c>
      <c r="E44" s="1">
        <v>5.4</v>
      </c>
      <c r="F44" s="1">
        <v>5.9</v>
      </c>
      <c r="G44" s="1">
        <v>11.6</v>
      </c>
      <c r="H44" s="1">
        <v>44.3</v>
      </c>
      <c r="I44" s="1">
        <v>4.3</v>
      </c>
      <c r="J44" s="1">
        <v>15.3</v>
      </c>
      <c r="K44" s="1">
        <v>9.6</v>
      </c>
      <c r="L44" s="1">
        <v>5.4</v>
      </c>
      <c r="M44" s="1">
        <v>29.6</v>
      </c>
      <c r="N44" s="1">
        <v>2.9</v>
      </c>
      <c r="O44" s="1">
        <v>5.0999999999999996</v>
      </c>
      <c r="P44" s="1">
        <v>48.3</v>
      </c>
      <c r="Q44" s="1">
        <v>8.5</v>
      </c>
      <c r="R44" s="1">
        <v>14.6</v>
      </c>
      <c r="S44" s="1">
        <v>5.4</v>
      </c>
      <c r="T44" s="1">
        <v>8.6</v>
      </c>
      <c r="U44" s="1">
        <v>17.2</v>
      </c>
      <c r="V44" s="1">
        <v>29.2</v>
      </c>
      <c r="W44" s="1">
        <v>12</v>
      </c>
      <c r="X44" s="1">
        <v>3</v>
      </c>
      <c r="Y44" s="1">
        <v>0.8</v>
      </c>
      <c r="Z44" s="1">
        <v>33.1</v>
      </c>
      <c r="AA44" s="1">
        <v>8.1999999999999993</v>
      </c>
      <c r="AB44" s="1">
        <v>38.200000000000003</v>
      </c>
      <c r="AC44" s="1">
        <v>17.100000000000001</v>
      </c>
      <c r="AD44" s="1">
        <v>6.5</v>
      </c>
      <c r="AE44" s="1">
        <v>22.1</v>
      </c>
      <c r="AF44" s="1">
        <v>50.5</v>
      </c>
      <c r="AG44" s="1">
        <v>42.5</v>
      </c>
      <c r="AH44" s="1">
        <v>29.9</v>
      </c>
      <c r="AI44" s="1">
        <v>29.9</v>
      </c>
      <c r="AJ44" s="1">
        <v>22.2</v>
      </c>
      <c r="AK44" s="1">
        <v>13.5</v>
      </c>
      <c r="AL44" s="1">
        <v>0.3</v>
      </c>
      <c r="AM44" s="1"/>
      <c r="AN44" s="1">
        <v>476</v>
      </c>
      <c r="AO44" s="1">
        <v>27</v>
      </c>
      <c r="AP44" s="1">
        <v>205</v>
      </c>
      <c r="AQ44" s="1">
        <v>45</v>
      </c>
      <c r="AR44" s="1">
        <v>88</v>
      </c>
      <c r="AS44" s="1">
        <v>5</v>
      </c>
      <c r="AT44" s="1">
        <v>12</v>
      </c>
      <c r="AU44" s="1">
        <v>135</v>
      </c>
      <c r="AV44" s="1">
        <v>120</v>
      </c>
      <c r="AW44" s="1">
        <v>40</v>
      </c>
      <c r="AX44" s="1">
        <v>14</v>
      </c>
      <c r="AY44" s="1">
        <v>2</v>
      </c>
      <c r="AZ44" s="1">
        <v>9</v>
      </c>
      <c r="BA44" s="1">
        <v>9</v>
      </c>
      <c r="BB44" s="1"/>
      <c r="BC44" s="30">
        <v>0.27152777777777776</v>
      </c>
      <c r="BD44" s="30">
        <v>0.29930555555555555</v>
      </c>
      <c r="BE44" s="30">
        <v>0.78402777777777777</v>
      </c>
      <c r="BF44" s="30">
        <v>0.9506944444444444</v>
      </c>
      <c r="BG44" s="30">
        <v>0.34444444444444444</v>
      </c>
      <c r="BH44" s="1"/>
      <c r="BI44" s="1"/>
      <c r="BJ44" s="1"/>
      <c r="BK44" s="1"/>
      <c r="BL44" s="1"/>
      <c r="BM44" s="1"/>
      <c r="BN44" s="1"/>
      <c r="BO44" s="1"/>
      <c r="BP44" s="1"/>
      <c r="BQ44" s="1"/>
      <c r="BR44" s="1"/>
      <c r="BS44" s="1"/>
      <c r="BT44" s="1"/>
      <c r="BU44" s="1"/>
      <c r="BV44" s="1"/>
      <c r="BW44" s="1"/>
      <c r="BX44" s="1"/>
      <c r="BY44" s="1"/>
      <c r="BZ44" s="1"/>
      <c r="CA44" s="1"/>
      <c r="CB44" s="1"/>
      <c r="CC44" s="1"/>
      <c r="CD44" s="1"/>
      <c r="CE44" s="1"/>
      <c r="CF44" s="1"/>
      <c r="CG44" s="1"/>
      <c r="CH44" s="1"/>
      <c r="CI44" s="1"/>
      <c r="CJ44" s="1"/>
      <c r="CK44" s="1"/>
      <c r="CL44" s="1"/>
      <c r="CM44" s="1"/>
      <c r="CN44" s="1"/>
      <c r="CO44" s="1"/>
      <c r="CP44" s="1"/>
      <c r="CQ44" s="1"/>
      <c r="CR44" s="1"/>
      <c r="CS44" s="1"/>
      <c r="CT44" s="1"/>
      <c r="CU44" s="1"/>
      <c r="CV44" s="1"/>
      <c r="CW44" s="1"/>
      <c r="CX44" s="1"/>
      <c r="CY44" s="1"/>
      <c r="CZ44" s="1"/>
      <c r="DB44" s="1"/>
      <c r="DC44" s="1"/>
    </row>
    <row r="45" spans="1:107" x14ac:dyDescent="0.7">
      <c r="A45" s="1" t="s">
        <v>73</v>
      </c>
      <c r="B45" s="1">
        <v>63.1</v>
      </c>
      <c r="C45" s="1">
        <v>8.1</v>
      </c>
      <c r="D45" s="1">
        <v>0.7</v>
      </c>
      <c r="E45" s="1">
        <v>5.3</v>
      </c>
      <c r="F45" s="1">
        <v>5.9</v>
      </c>
      <c r="G45" s="1">
        <v>8.5</v>
      </c>
      <c r="H45" s="1">
        <v>40.700000000000003</v>
      </c>
      <c r="I45" s="1">
        <v>4.0999999999999996</v>
      </c>
      <c r="J45" s="1">
        <v>17.100000000000001</v>
      </c>
      <c r="K45" s="1">
        <v>12.8</v>
      </c>
      <c r="L45" s="1">
        <v>5.4</v>
      </c>
      <c r="M45" s="1">
        <v>25.2</v>
      </c>
      <c r="N45" s="1">
        <v>3.6</v>
      </c>
      <c r="O45" s="1">
        <v>4.4000000000000004</v>
      </c>
      <c r="P45" s="1">
        <v>47.5</v>
      </c>
      <c r="Q45" s="1">
        <v>6.7</v>
      </c>
      <c r="R45" s="1">
        <v>11.3</v>
      </c>
      <c r="S45" s="1">
        <v>4.5</v>
      </c>
      <c r="T45" s="1">
        <v>6.8</v>
      </c>
      <c r="U45" s="1">
        <v>16.5</v>
      </c>
      <c r="V45" s="1">
        <v>26.4</v>
      </c>
      <c r="W45" s="1">
        <v>9.3000000000000007</v>
      </c>
      <c r="X45" s="1">
        <v>2.7</v>
      </c>
      <c r="Y45" s="1">
        <v>1.3</v>
      </c>
      <c r="Z45" s="1">
        <v>30.9</v>
      </c>
      <c r="AA45" s="1">
        <v>7.4</v>
      </c>
      <c r="AB45" s="1">
        <v>36</v>
      </c>
      <c r="AC45" s="1">
        <v>16.399999999999999</v>
      </c>
      <c r="AD45" s="1">
        <v>4.7</v>
      </c>
      <c r="AE45" s="1">
        <v>20.3</v>
      </c>
      <c r="AF45" s="1">
        <v>45</v>
      </c>
      <c r="AG45" s="1">
        <v>38.5</v>
      </c>
      <c r="AH45" s="1">
        <v>24.8</v>
      </c>
      <c r="AI45" s="1">
        <v>24.7</v>
      </c>
      <c r="AJ45" s="1">
        <v>17.100000000000001</v>
      </c>
      <c r="AK45" s="1">
        <v>13.3</v>
      </c>
      <c r="AL45" s="1">
        <v>0.3</v>
      </c>
      <c r="AM45" s="1"/>
      <c r="AN45" s="1">
        <v>475</v>
      </c>
      <c r="AO45" s="1">
        <v>26</v>
      </c>
      <c r="AP45" s="1">
        <v>201</v>
      </c>
      <c r="AQ45" s="1">
        <v>43</v>
      </c>
      <c r="AR45" s="1">
        <v>90</v>
      </c>
      <c r="AS45" s="1">
        <v>3</v>
      </c>
      <c r="AT45" s="1">
        <v>11</v>
      </c>
      <c r="AU45" s="1">
        <v>139</v>
      </c>
      <c r="AV45" s="1">
        <v>120</v>
      </c>
      <c r="AW45" s="1">
        <v>46</v>
      </c>
      <c r="AX45" s="1">
        <v>15</v>
      </c>
      <c r="AY45" s="1">
        <v>3</v>
      </c>
      <c r="AZ45" s="1">
        <v>10</v>
      </c>
      <c r="BA45" s="1">
        <v>8</v>
      </c>
      <c r="BB45" s="1"/>
      <c r="BC45" s="30">
        <v>0.27013888888888887</v>
      </c>
      <c r="BD45" s="30">
        <v>0.29722222222222222</v>
      </c>
      <c r="BE45" s="30">
        <v>0.78333333333333333</v>
      </c>
      <c r="BF45" s="30">
        <v>0.95347222222222228</v>
      </c>
      <c r="BG45" s="30">
        <v>0.34027777777777779</v>
      </c>
      <c r="BH45" s="1"/>
      <c r="BI45" s="1"/>
      <c r="BJ45" s="1"/>
      <c r="BK45" s="1"/>
      <c r="BL45" s="1"/>
      <c r="BM45" s="1"/>
      <c r="BN45" s="1"/>
      <c r="BO45" s="1"/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  <c r="CA45" s="1"/>
      <c r="CB45" s="1"/>
      <c r="CC45" s="1"/>
      <c r="CD45" s="1"/>
      <c r="CE45" s="1"/>
      <c r="CF45" s="1"/>
      <c r="CG45" s="1"/>
      <c r="CH45" s="1"/>
      <c r="CI45" s="1"/>
      <c r="CJ45" s="1"/>
      <c r="CK45" s="1"/>
      <c r="CL45" s="1"/>
      <c r="CM45" s="1"/>
      <c r="CN45" s="1"/>
      <c r="CO45" s="1"/>
      <c r="CP45" s="1"/>
      <c r="CQ45" s="1"/>
      <c r="CR45" s="1"/>
      <c r="CS45" s="1"/>
      <c r="CT45" s="1"/>
      <c r="CU45" s="1"/>
      <c r="CV45" s="1"/>
      <c r="CW45" s="1"/>
      <c r="CX45" s="1"/>
      <c r="CY45" s="1"/>
      <c r="CZ45" s="1"/>
      <c r="DB45" s="1"/>
      <c r="DC45" s="1"/>
    </row>
    <row r="46" spans="1:107" x14ac:dyDescent="0.7">
      <c r="A46" s="1" t="s">
        <v>74</v>
      </c>
      <c r="B46" s="1">
        <v>65.8</v>
      </c>
      <c r="C46" s="1">
        <v>10.5</v>
      </c>
      <c r="D46" s="1">
        <v>0.7</v>
      </c>
      <c r="E46" s="1">
        <v>4.3</v>
      </c>
      <c r="F46" s="1">
        <v>4</v>
      </c>
      <c r="G46" s="1">
        <v>10.3</v>
      </c>
      <c r="H46" s="1">
        <v>42.4</v>
      </c>
      <c r="I46" s="1">
        <v>4.5</v>
      </c>
      <c r="J46" s="1">
        <v>13.7</v>
      </c>
      <c r="K46" s="1">
        <v>9.6999999999999993</v>
      </c>
      <c r="L46" s="1">
        <v>4.2</v>
      </c>
      <c r="M46" s="1">
        <v>20.8</v>
      </c>
      <c r="N46" s="1">
        <v>3.9</v>
      </c>
      <c r="O46" s="1">
        <v>3.9</v>
      </c>
      <c r="P46" s="1">
        <v>47.1</v>
      </c>
      <c r="Q46" s="1">
        <v>8.5</v>
      </c>
      <c r="R46" s="1">
        <v>12.7</v>
      </c>
      <c r="S46" s="1">
        <v>4.9000000000000004</v>
      </c>
      <c r="T46" s="1">
        <v>6.8</v>
      </c>
      <c r="U46" s="1">
        <v>16.3</v>
      </c>
      <c r="V46" s="1">
        <v>28.1</v>
      </c>
      <c r="W46" s="1">
        <v>11.9</v>
      </c>
      <c r="X46" s="1">
        <v>3</v>
      </c>
      <c r="Y46" s="1">
        <v>1.4</v>
      </c>
      <c r="Z46" s="1">
        <v>29.5</v>
      </c>
      <c r="AA46" s="1">
        <v>8.4</v>
      </c>
      <c r="AB46" s="1">
        <v>35.9</v>
      </c>
      <c r="AC46" s="1">
        <v>13.4</v>
      </c>
      <c r="AD46" s="1">
        <v>5.3</v>
      </c>
      <c r="AE46" s="1">
        <v>20.100000000000001</v>
      </c>
      <c r="AF46" s="1">
        <v>42.8</v>
      </c>
      <c r="AG46" s="1">
        <v>35.9</v>
      </c>
      <c r="AH46" s="1">
        <v>22.2</v>
      </c>
      <c r="AI46" s="1">
        <v>22.2</v>
      </c>
      <c r="AJ46" s="1">
        <v>14.6</v>
      </c>
      <c r="AK46" s="1">
        <v>11.6</v>
      </c>
      <c r="AL46" s="1">
        <v>0.3</v>
      </c>
      <c r="AM46" s="1"/>
      <c r="AN46" s="1">
        <v>479</v>
      </c>
      <c r="AO46" s="1">
        <v>23</v>
      </c>
      <c r="AP46" s="1">
        <v>213</v>
      </c>
      <c r="AQ46" s="1">
        <v>43</v>
      </c>
      <c r="AR46" s="1">
        <v>89</v>
      </c>
      <c r="AS46" s="1">
        <v>2</v>
      </c>
      <c r="AT46" s="1">
        <v>10</v>
      </c>
      <c r="AU46" s="1">
        <v>132</v>
      </c>
      <c r="AV46" s="1">
        <v>118</v>
      </c>
      <c r="AW46" s="1">
        <v>41</v>
      </c>
      <c r="AX46" s="1">
        <v>15</v>
      </c>
      <c r="AY46" s="1">
        <v>2</v>
      </c>
      <c r="AZ46" s="1">
        <v>10</v>
      </c>
      <c r="BA46" s="1">
        <v>7</v>
      </c>
      <c r="BB46" s="1"/>
      <c r="BC46" s="30">
        <v>0.26666666666666666</v>
      </c>
      <c r="BD46" s="30">
        <v>0.29166666666666669</v>
      </c>
      <c r="BE46" s="30">
        <v>0.78125</v>
      </c>
      <c r="BF46" s="30">
        <v>0.94513888888888886</v>
      </c>
      <c r="BG46" s="30">
        <v>0.33888888888888891</v>
      </c>
      <c r="BH46" s="1"/>
      <c r="BI46" s="1"/>
      <c r="BJ46" s="1"/>
      <c r="BK46" s="1"/>
      <c r="BL46" s="1"/>
      <c r="BM46" s="1"/>
      <c r="BN46" s="1"/>
      <c r="BO46" s="1"/>
      <c r="BP46" s="1"/>
      <c r="BQ46" s="1"/>
      <c r="BR46" s="1"/>
      <c r="BS46" s="1"/>
      <c r="BT46" s="1"/>
      <c r="BU46" s="1"/>
      <c r="BV46" s="1"/>
      <c r="BW46" s="1"/>
      <c r="BX46" s="1"/>
      <c r="BY46" s="1"/>
      <c r="BZ46" s="1"/>
      <c r="CA46" s="1"/>
      <c r="CB46" s="1"/>
      <c r="CC46" s="1"/>
      <c r="CD46" s="1"/>
      <c r="CE46" s="1"/>
      <c r="CF46" s="1"/>
      <c r="CG46" s="1"/>
      <c r="CH46" s="1"/>
      <c r="CI46" s="1"/>
      <c r="CJ46" s="1"/>
      <c r="CK46" s="1"/>
      <c r="CL46" s="1"/>
      <c r="CM46" s="1"/>
      <c r="CN46" s="1"/>
      <c r="CO46" s="1"/>
      <c r="CP46" s="1"/>
      <c r="CQ46" s="1"/>
      <c r="CR46" s="1"/>
      <c r="CS46" s="1"/>
      <c r="CT46" s="1"/>
      <c r="CU46" s="1"/>
      <c r="CV46" s="1"/>
      <c r="CW46" s="1"/>
      <c r="CX46" s="1"/>
      <c r="CY46" s="1"/>
      <c r="CZ46" s="1"/>
      <c r="DB46" s="1"/>
      <c r="DC46" s="1"/>
    </row>
    <row r="47" spans="1:107" x14ac:dyDescent="0.7">
      <c r="A47" s="1" t="s">
        <v>75</v>
      </c>
      <c r="B47" s="1">
        <v>63.5</v>
      </c>
      <c r="C47" s="1">
        <v>10.199999999999999</v>
      </c>
      <c r="D47" s="1">
        <v>0.2</v>
      </c>
      <c r="E47" s="1">
        <v>5.6</v>
      </c>
      <c r="F47" s="1">
        <v>6</v>
      </c>
      <c r="G47" s="1">
        <v>11.2</v>
      </c>
      <c r="H47" s="1">
        <v>42.4</v>
      </c>
      <c r="I47" s="1">
        <v>4.2</v>
      </c>
      <c r="J47" s="1">
        <v>13.3</v>
      </c>
      <c r="K47" s="1">
        <v>8.6999999999999993</v>
      </c>
      <c r="L47" s="1">
        <v>4</v>
      </c>
      <c r="M47" s="1">
        <v>24.2</v>
      </c>
      <c r="N47" s="1">
        <v>2.6</v>
      </c>
      <c r="O47" s="1">
        <v>4.3</v>
      </c>
      <c r="P47" s="1">
        <v>45.7</v>
      </c>
      <c r="Q47" s="1">
        <v>8.9</v>
      </c>
      <c r="R47" s="1">
        <v>15</v>
      </c>
      <c r="S47" s="1">
        <v>5.3</v>
      </c>
      <c r="T47" s="1">
        <v>8.6999999999999993</v>
      </c>
      <c r="U47" s="1">
        <v>17.899999999999999</v>
      </c>
      <c r="V47" s="1">
        <v>28.9</v>
      </c>
      <c r="W47" s="1">
        <v>12.5</v>
      </c>
      <c r="X47" s="1">
        <v>2.6</v>
      </c>
      <c r="Y47" s="1">
        <v>1.8</v>
      </c>
      <c r="Z47" s="1">
        <v>31.7</v>
      </c>
      <c r="AA47" s="1">
        <v>8.6</v>
      </c>
      <c r="AB47" s="1">
        <v>35.200000000000003</v>
      </c>
      <c r="AC47" s="1">
        <v>16</v>
      </c>
      <c r="AD47" s="1">
        <v>6.6</v>
      </c>
      <c r="AE47" s="1">
        <v>22.3</v>
      </c>
      <c r="AF47" s="1">
        <v>43.3</v>
      </c>
      <c r="AG47" s="1">
        <v>35.9</v>
      </c>
      <c r="AH47" s="1">
        <v>23.6</v>
      </c>
      <c r="AI47" s="1">
        <v>23.6</v>
      </c>
      <c r="AJ47" s="1">
        <v>16.600000000000001</v>
      </c>
      <c r="AK47" s="1">
        <v>11.5</v>
      </c>
      <c r="AL47" s="1">
        <v>0.3</v>
      </c>
      <c r="AM47" s="1"/>
      <c r="AN47" s="1">
        <v>485</v>
      </c>
      <c r="AO47" s="1">
        <v>23</v>
      </c>
      <c r="AP47" s="1">
        <v>204</v>
      </c>
      <c r="AQ47" s="1">
        <v>43</v>
      </c>
      <c r="AR47" s="1">
        <v>90</v>
      </c>
      <c r="AS47" s="1">
        <v>4</v>
      </c>
      <c r="AT47" s="1">
        <v>12</v>
      </c>
      <c r="AU47" s="1">
        <v>134</v>
      </c>
      <c r="AV47" s="1">
        <v>112</v>
      </c>
      <c r="AW47" s="1">
        <v>39</v>
      </c>
      <c r="AX47" s="1">
        <v>14</v>
      </c>
      <c r="AY47" s="1">
        <v>2</v>
      </c>
      <c r="AZ47" s="1">
        <v>10</v>
      </c>
      <c r="BA47" s="1">
        <v>12</v>
      </c>
      <c r="BB47" s="1"/>
      <c r="BC47" s="30">
        <v>0.27083333333333331</v>
      </c>
      <c r="BD47" s="30">
        <v>0.29583333333333334</v>
      </c>
      <c r="BE47" s="30">
        <v>0.78888888888888886</v>
      </c>
      <c r="BF47" s="30">
        <v>0.94930555555555551</v>
      </c>
      <c r="BG47" s="30">
        <v>0.34097222222222223</v>
      </c>
      <c r="BH47" s="1"/>
      <c r="BI47" s="1"/>
      <c r="BJ47" s="1"/>
      <c r="BK47" s="1"/>
      <c r="BL47" s="1"/>
      <c r="BM47" s="1"/>
      <c r="BN47" s="1"/>
      <c r="BO47" s="1"/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  <c r="CA47" s="1"/>
      <c r="CB47" s="1"/>
      <c r="CC47" s="1"/>
      <c r="CD47" s="1"/>
      <c r="CE47" s="1"/>
      <c r="CF47" s="1"/>
      <c r="CG47" s="1"/>
      <c r="CH47" s="1"/>
      <c r="CI47" s="1"/>
      <c r="CJ47" s="1"/>
      <c r="CK47" s="1"/>
      <c r="CL47" s="1"/>
      <c r="CM47" s="1"/>
      <c r="CN47" s="1"/>
      <c r="CO47" s="1"/>
      <c r="CP47" s="1"/>
      <c r="CQ47" s="1"/>
      <c r="CR47" s="1"/>
      <c r="CS47" s="1"/>
      <c r="CT47" s="1"/>
      <c r="CU47" s="1"/>
      <c r="CV47" s="1"/>
      <c r="CW47" s="1"/>
      <c r="CX47" s="1"/>
      <c r="CY47" s="1"/>
      <c r="CZ47" s="1"/>
      <c r="DB47" s="1"/>
      <c r="DC47" s="1"/>
    </row>
    <row r="48" spans="1:107" x14ac:dyDescent="0.7">
      <c r="A48" s="1" t="s">
        <v>76</v>
      </c>
      <c r="B48" s="1">
        <v>65.8</v>
      </c>
      <c r="C48" s="1">
        <v>10.4</v>
      </c>
      <c r="D48" s="1">
        <v>0.2</v>
      </c>
      <c r="E48" s="1">
        <v>2.4</v>
      </c>
      <c r="F48" s="1">
        <v>4.9000000000000004</v>
      </c>
      <c r="G48" s="1">
        <v>11.7</v>
      </c>
      <c r="H48" s="1">
        <v>42</v>
      </c>
      <c r="I48" s="1">
        <v>5.3</v>
      </c>
      <c r="J48" s="1">
        <v>14.1</v>
      </c>
      <c r="K48" s="1">
        <v>6.4</v>
      </c>
      <c r="L48" s="1">
        <v>3.5</v>
      </c>
      <c r="M48" s="1">
        <v>22.5</v>
      </c>
      <c r="N48" s="1">
        <v>2.2999999999999998</v>
      </c>
      <c r="O48" s="1">
        <v>2.4</v>
      </c>
      <c r="P48" s="1">
        <v>49.2</v>
      </c>
      <c r="Q48" s="1">
        <v>10.199999999999999</v>
      </c>
      <c r="R48" s="1">
        <v>13.4</v>
      </c>
      <c r="S48" s="1">
        <v>4.2</v>
      </c>
      <c r="T48" s="1">
        <v>6.7</v>
      </c>
      <c r="U48" s="1">
        <v>16.100000000000001</v>
      </c>
      <c r="V48" s="1">
        <v>20.2</v>
      </c>
      <c r="W48" s="1">
        <v>12.1</v>
      </c>
      <c r="X48" s="1">
        <v>2.7</v>
      </c>
      <c r="Y48" s="1">
        <v>0.8</v>
      </c>
      <c r="Z48" s="1">
        <v>33</v>
      </c>
      <c r="AA48" s="1">
        <v>3.6</v>
      </c>
      <c r="AB48" s="1">
        <v>36.5</v>
      </c>
      <c r="AC48" s="1">
        <v>13.7</v>
      </c>
      <c r="AD48" s="1">
        <v>4.0999999999999996</v>
      </c>
      <c r="AE48" s="1">
        <v>17.399999999999999</v>
      </c>
      <c r="AF48" s="1">
        <v>31.1</v>
      </c>
      <c r="AG48" s="1">
        <v>23.6</v>
      </c>
      <c r="AH48" s="1">
        <v>16.8</v>
      </c>
      <c r="AI48" s="1">
        <v>16.600000000000001</v>
      </c>
      <c r="AJ48" s="1">
        <v>12.5</v>
      </c>
      <c r="AK48" s="1">
        <v>6.3</v>
      </c>
      <c r="AL48" s="1">
        <v>0.4</v>
      </c>
      <c r="AM48" s="1"/>
      <c r="AN48" s="1">
        <v>481</v>
      </c>
      <c r="AO48" s="1">
        <v>30</v>
      </c>
      <c r="AP48" s="1">
        <v>215</v>
      </c>
      <c r="AQ48" s="1">
        <v>47</v>
      </c>
      <c r="AR48" s="1">
        <v>82</v>
      </c>
      <c r="AS48" s="1">
        <v>3</v>
      </c>
      <c r="AT48" s="1">
        <v>21</v>
      </c>
      <c r="AU48" s="1">
        <v>126</v>
      </c>
      <c r="AV48" s="1">
        <v>111</v>
      </c>
      <c r="AW48" s="1">
        <v>38</v>
      </c>
      <c r="AX48" s="1">
        <v>17</v>
      </c>
      <c r="AY48" s="1">
        <v>2</v>
      </c>
      <c r="AZ48" s="1">
        <v>12</v>
      </c>
      <c r="BA48" s="1">
        <v>6</v>
      </c>
      <c r="BB48" s="1"/>
      <c r="BC48" s="30">
        <v>0.2722222222222222</v>
      </c>
      <c r="BD48" s="30">
        <v>0.30138888888888887</v>
      </c>
      <c r="BE48" s="30">
        <v>0.79374999999999996</v>
      </c>
      <c r="BF48" s="30">
        <v>0.95694444444444449</v>
      </c>
      <c r="BG48" s="30">
        <v>0.34791666666666665</v>
      </c>
      <c r="BH48" s="1"/>
      <c r="BI48" s="1"/>
      <c r="BJ48" s="1"/>
      <c r="BK48" s="1"/>
      <c r="BL48" s="1"/>
      <c r="BM48" s="1"/>
      <c r="BN48" s="1"/>
      <c r="BO48" s="1"/>
      <c r="BP48" s="1"/>
      <c r="BQ48" s="1"/>
      <c r="BR48" s="1"/>
      <c r="BS48" s="1"/>
      <c r="BT48" s="1"/>
      <c r="BU48" s="1"/>
      <c r="BV48" s="1"/>
      <c r="BW48" s="1"/>
      <c r="BX48" s="1"/>
      <c r="BY48" s="1"/>
      <c r="BZ48" s="1"/>
      <c r="CA48" s="1"/>
      <c r="CB48" s="1"/>
      <c r="CC48" s="1"/>
      <c r="CD48" s="1"/>
      <c r="CE48" s="1"/>
      <c r="CF48" s="1"/>
      <c r="CG48" s="1"/>
      <c r="CH48" s="1"/>
      <c r="CI48" s="1"/>
      <c r="CJ48" s="1"/>
      <c r="CK48" s="1"/>
      <c r="CL48" s="1"/>
      <c r="CM48" s="1"/>
      <c r="CN48" s="1"/>
      <c r="CO48" s="1"/>
      <c r="CP48" s="1"/>
      <c r="CQ48" s="1"/>
      <c r="CR48" s="1"/>
      <c r="CS48" s="1"/>
      <c r="CT48" s="1"/>
      <c r="CU48" s="1"/>
      <c r="CV48" s="1"/>
      <c r="CW48" s="1"/>
      <c r="CX48" s="1"/>
      <c r="CY48" s="1"/>
      <c r="CZ48" s="1"/>
      <c r="DB48" s="1"/>
      <c r="DC48" s="1"/>
    </row>
    <row r="49" spans="2:107" x14ac:dyDescent="0.7">
      <c r="B49" s="1">
        <v>69.900000000000006</v>
      </c>
      <c r="C49" s="1">
        <v>12.1</v>
      </c>
      <c r="D49" s="1">
        <v>4.3</v>
      </c>
      <c r="E49" s="1">
        <v>8.4</v>
      </c>
      <c r="F49" s="1">
        <v>10.5</v>
      </c>
      <c r="G49" s="1">
        <v>14.9</v>
      </c>
      <c r="H49" s="1">
        <v>40.299999999999997</v>
      </c>
      <c r="I49" s="1">
        <v>1.6</v>
      </c>
      <c r="J49" s="1">
        <v>18.2</v>
      </c>
      <c r="K49" s="1">
        <v>9.8000000000000007</v>
      </c>
      <c r="L49" s="1">
        <v>4.9000000000000004</v>
      </c>
      <c r="M49" s="1">
        <v>28.8</v>
      </c>
      <c r="N49" s="1">
        <v>3</v>
      </c>
      <c r="O49" s="1">
        <v>4.5</v>
      </c>
      <c r="P49" s="1">
        <v>53.3</v>
      </c>
      <c r="Q49" s="1">
        <v>8.4</v>
      </c>
      <c r="R49" s="1">
        <v>13.3</v>
      </c>
      <c r="S49" s="1">
        <v>0.7</v>
      </c>
      <c r="T49" s="1">
        <v>0.8</v>
      </c>
      <c r="U49" s="1">
        <v>9</v>
      </c>
      <c r="V49" s="1">
        <v>20.3</v>
      </c>
      <c r="W49" s="1">
        <v>17.399999999999999</v>
      </c>
      <c r="X49" s="1">
        <v>2.5</v>
      </c>
      <c r="Y49" s="1">
        <v>1.2</v>
      </c>
      <c r="Z49" s="1">
        <v>40.1</v>
      </c>
      <c r="AA49" s="1">
        <v>10.3</v>
      </c>
      <c r="AB49" s="1">
        <v>46.6</v>
      </c>
      <c r="AC49" s="1">
        <v>17</v>
      </c>
      <c r="AD49" s="1">
        <v>7.3</v>
      </c>
      <c r="AE49" s="1">
        <v>18.2</v>
      </c>
      <c r="AF49" s="1">
        <v>48.9</v>
      </c>
      <c r="AG49" s="1">
        <v>40.1</v>
      </c>
      <c r="AH49" s="1">
        <v>32.1</v>
      </c>
      <c r="AI49" s="1">
        <v>32</v>
      </c>
      <c r="AJ49" s="1">
        <v>25.1</v>
      </c>
      <c r="AK49" s="1">
        <v>14.2</v>
      </c>
      <c r="AL49" s="1">
        <v>0.4</v>
      </c>
      <c r="AM49" s="1"/>
      <c r="AN49" s="1">
        <v>478</v>
      </c>
      <c r="AO49" s="1">
        <v>38</v>
      </c>
      <c r="AP49" s="1">
        <v>267</v>
      </c>
      <c r="AQ49" s="1">
        <v>40</v>
      </c>
      <c r="AR49" s="1">
        <v>25</v>
      </c>
      <c r="AS49" s="1">
        <v>2</v>
      </c>
      <c r="AT49" s="1">
        <v>6</v>
      </c>
      <c r="AU49" s="1">
        <v>131</v>
      </c>
      <c r="AV49" s="1">
        <v>119</v>
      </c>
      <c r="AW49" s="1">
        <v>60</v>
      </c>
      <c r="AX49" s="1">
        <v>16</v>
      </c>
      <c r="AY49" s="1">
        <v>2</v>
      </c>
      <c r="AZ49" s="1">
        <v>8</v>
      </c>
      <c r="BA49" s="1">
        <v>6</v>
      </c>
      <c r="BB49" s="1"/>
      <c r="BC49" s="30">
        <v>0.27986111111111112</v>
      </c>
      <c r="BD49" s="30">
        <v>0.2951388888888889</v>
      </c>
      <c r="BE49" s="30">
        <v>0.79652777777777772</v>
      </c>
      <c r="BF49" s="30">
        <v>0.96250000000000002</v>
      </c>
      <c r="BG49" s="30">
        <v>0.3347222222222222</v>
      </c>
      <c r="BR49" s="1"/>
      <c r="BS49" s="1"/>
      <c r="BT49" s="1"/>
      <c r="BU49" s="1"/>
      <c r="BV49" s="1"/>
      <c r="BW49" s="1"/>
      <c r="BX49" s="1"/>
      <c r="BY49" s="1"/>
      <c r="BZ49" s="1"/>
      <c r="CA49" s="1"/>
      <c r="CB49" s="1"/>
      <c r="CC49" s="1"/>
      <c r="CD49" s="1"/>
      <c r="CE49" s="1"/>
      <c r="CF49" s="1"/>
      <c r="CG49" s="1"/>
      <c r="CH49" s="1"/>
      <c r="CI49" s="1"/>
      <c r="CJ49" s="1"/>
      <c r="CK49" s="1"/>
      <c r="CL49" s="1"/>
      <c r="CM49" s="1"/>
      <c r="CN49" s="1"/>
      <c r="CO49" s="1"/>
      <c r="CP49" s="1"/>
      <c r="CQ49" s="1"/>
      <c r="CR49" s="1"/>
      <c r="CS49" s="1"/>
      <c r="CT49" s="1"/>
      <c r="CU49" s="1"/>
      <c r="CV49" s="1"/>
      <c r="CW49" s="1"/>
      <c r="CX49" s="1"/>
      <c r="CY49" s="1"/>
      <c r="CZ49" s="1"/>
      <c r="DB49" s="1"/>
      <c r="DC49" s="1"/>
    </row>
    <row r="50" spans="2:107" x14ac:dyDescent="0.7">
      <c r="B50" s="1">
        <v>66</v>
      </c>
      <c r="C50" s="1">
        <v>13.2</v>
      </c>
      <c r="D50" s="1">
        <v>10.4</v>
      </c>
      <c r="E50" s="1">
        <v>7.4</v>
      </c>
      <c r="F50" s="1">
        <v>10.4</v>
      </c>
      <c r="G50" s="1">
        <v>13.4</v>
      </c>
      <c r="H50" s="1">
        <v>37</v>
      </c>
      <c r="I50" s="1">
        <v>2.1</v>
      </c>
      <c r="J50" s="1">
        <v>19.600000000000001</v>
      </c>
      <c r="K50" s="1">
        <v>7.7</v>
      </c>
      <c r="L50" s="1">
        <v>4.0999999999999996</v>
      </c>
      <c r="M50" s="1">
        <v>23.5</v>
      </c>
      <c r="N50" s="1">
        <v>3</v>
      </c>
      <c r="O50" s="1">
        <v>4.4000000000000004</v>
      </c>
      <c r="P50" s="1">
        <v>52.2</v>
      </c>
      <c r="Q50" s="1">
        <v>9.1999999999999993</v>
      </c>
      <c r="R50" s="1">
        <v>13.9</v>
      </c>
      <c r="S50" s="1">
        <v>0.8</v>
      </c>
      <c r="T50" s="1">
        <v>1.4</v>
      </c>
      <c r="U50" s="1">
        <v>9.3000000000000007</v>
      </c>
      <c r="V50" s="1">
        <v>22.5</v>
      </c>
      <c r="W50" s="1">
        <v>20.5</v>
      </c>
      <c r="X50" s="1">
        <v>2.5</v>
      </c>
      <c r="Y50" s="1">
        <v>1.4</v>
      </c>
      <c r="Z50" s="1">
        <v>39.1</v>
      </c>
      <c r="AA50" s="1">
        <v>12.1</v>
      </c>
      <c r="AB50" s="1">
        <v>47.1</v>
      </c>
      <c r="AC50" s="1">
        <v>15.4</v>
      </c>
      <c r="AD50" s="1">
        <v>10.6</v>
      </c>
      <c r="AE50" s="1">
        <v>17.100000000000001</v>
      </c>
      <c r="AF50" s="1">
        <v>50.8</v>
      </c>
      <c r="AG50" s="1">
        <v>40.1</v>
      </c>
      <c r="AH50" s="1">
        <v>35.299999999999997</v>
      </c>
      <c r="AI50" s="1">
        <v>35.1</v>
      </c>
      <c r="AJ50" s="1">
        <v>25.6</v>
      </c>
      <c r="AK50" s="1">
        <v>18.5</v>
      </c>
      <c r="AL50" s="1">
        <v>0.4</v>
      </c>
      <c r="AM50" s="1"/>
      <c r="AN50" s="1">
        <v>481</v>
      </c>
      <c r="AO50" s="1">
        <v>31</v>
      </c>
      <c r="AP50" s="1">
        <v>260</v>
      </c>
      <c r="AQ50" s="1">
        <v>34</v>
      </c>
      <c r="AR50" s="1">
        <v>22</v>
      </c>
      <c r="AS50" s="1">
        <v>1</v>
      </c>
      <c r="AT50" s="1">
        <v>7</v>
      </c>
      <c r="AU50" s="1">
        <v>157</v>
      </c>
      <c r="AV50" s="1">
        <v>131</v>
      </c>
      <c r="AW50" s="1">
        <v>57</v>
      </c>
      <c r="AX50" s="1">
        <v>15</v>
      </c>
      <c r="AY50" s="1">
        <v>2</v>
      </c>
      <c r="AZ50" s="1">
        <v>9</v>
      </c>
      <c r="BA50" s="1">
        <v>6</v>
      </c>
      <c r="BB50" s="1"/>
      <c r="BC50" s="30">
        <v>0.27430555555555558</v>
      </c>
      <c r="BD50" s="30">
        <v>0.29375000000000001</v>
      </c>
      <c r="BE50" s="30">
        <v>0.78125</v>
      </c>
      <c r="BF50" s="30">
        <v>0.9506944444444444</v>
      </c>
      <c r="BG50" s="30">
        <v>0.33333333333333331</v>
      </c>
      <c r="BR50" s="1"/>
      <c r="BS50" s="1"/>
      <c r="BT50" s="1"/>
      <c r="BU50" s="1"/>
      <c r="BV50" s="1"/>
      <c r="BW50" s="1"/>
      <c r="BX50" s="1"/>
      <c r="BY50" s="1"/>
      <c r="BZ50" s="1"/>
      <c r="CA50" s="1"/>
      <c r="CB50" s="1"/>
      <c r="CC50" s="1"/>
      <c r="CD50" s="1"/>
      <c r="CE50" s="1"/>
      <c r="CF50" s="1"/>
      <c r="CG50" s="1"/>
      <c r="CH50" s="1"/>
      <c r="CI50" s="1"/>
      <c r="CJ50" s="1"/>
      <c r="CK50" s="1"/>
      <c r="CL50" s="1"/>
      <c r="CM50" s="1"/>
      <c r="CN50" s="1"/>
      <c r="CO50" s="1"/>
      <c r="CP50" s="1"/>
      <c r="CQ50" s="1"/>
      <c r="CR50" s="1"/>
      <c r="CS50" s="1"/>
      <c r="CT50" s="1"/>
      <c r="CU50" s="1"/>
      <c r="CV50" s="1"/>
      <c r="CW50" s="1"/>
      <c r="CX50" s="1"/>
      <c r="CY50" s="1"/>
      <c r="CZ50" s="1"/>
      <c r="DB50" s="1"/>
      <c r="DC50" s="1"/>
    </row>
    <row r="51" spans="2:107" x14ac:dyDescent="0.7">
      <c r="B51" s="1">
        <v>58.7</v>
      </c>
      <c r="C51" s="1">
        <v>14.9</v>
      </c>
      <c r="D51" s="1">
        <v>5.9</v>
      </c>
      <c r="E51" s="1">
        <v>4.2</v>
      </c>
      <c r="F51" s="1">
        <v>5.9</v>
      </c>
      <c r="G51" s="1">
        <v>10.3</v>
      </c>
      <c r="H51" s="1">
        <v>29.7</v>
      </c>
      <c r="I51" s="1">
        <v>0.8</v>
      </c>
      <c r="J51" s="1">
        <v>15.2</v>
      </c>
      <c r="K51" s="1">
        <v>7.9</v>
      </c>
      <c r="L51" s="1">
        <v>2.7</v>
      </c>
      <c r="M51" s="1">
        <v>20.5</v>
      </c>
      <c r="N51" s="1">
        <v>1.3</v>
      </c>
      <c r="O51" s="1">
        <v>3.1</v>
      </c>
      <c r="P51" s="1">
        <v>43.9</v>
      </c>
      <c r="Q51" s="1">
        <v>4.9000000000000004</v>
      </c>
      <c r="R51" s="1">
        <v>11.1</v>
      </c>
      <c r="S51" s="1">
        <v>0.1</v>
      </c>
      <c r="T51" s="1">
        <v>0.4</v>
      </c>
      <c r="U51" s="1">
        <v>5.6</v>
      </c>
      <c r="V51" s="1">
        <v>19</v>
      </c>
      <c r="W51" s="1">
        <v>18.5</v>
      </c>
      <c r="X51" s="1">
        <v>1.4</v>
      </c>
      <c r="Y51" s="1">
        <v>0.8</v>
      </c>
      <c r="Z51" s="1">
        <v>32.700000000000003</v>
      </c>
      <c r="AA51" s="1">
        <v>13.3</v>
      </c>
      <c r="AB51" s="1">
        <v>38.6</v>
      </c>
      <c r="AC51" s="1">
        <v>10.1</v>
      </c>
      <c r="AD51" s="1">
        <v>7.1</v>
      </c>
      <c r="AE51" s="1">
        <v>15.7</v>
      </c>
      <c r="AF51" s="1">
        <v>36.799999999999997</v>
      </c>
      <c r="AG51" s="1">
        <v>30.3</v>
      </c>
      <c r="AH51" s="1">
        <v>20</v>
      </c>
      <c r="AI51" s="1">
        <v>20</v>
      </c>
      <c r="AJ51" s="1">
        <v>13.9</v>
      </c>
      <c r="AK51" s="1">
        <v>9</v>
      </c>
      <c r="AL51" s="1">
        <v>0.1</v>
      </c>
      <c r="AM51" s="1"/>
      <c r="AN51" s="1">
        <v>493</v>
      </c>
      <c r="AO51" s="1">
        <v>29</v>
      </c>
      <c r="AP51" s="1">
        <v>279</v>
      </c>
      <c r="AQ51" s="1">
        <v>32</v>
      </c>
      <c r="AR51" s="1">
        <v>19</v>
      </c>
      <c r="AS51" s="1">
        <v>2</v>
      </c>
      <c r="AT51" s="1">
        <v>6</v>
      </c>
      <c r="AU51" s="1">
        <v>151</v>
      </c>
      <c r="AV51" s="1">
        <v>120</v>
      </c>
      <c r="AW51" s="1">
        <v>54</v>
      </c>
      <c r="AX51" s="1">
        <v>13</v>
      </c>
      <c r="AY51" s="1">
        <v>2</v>
      </c>
      <c r="AZ51" s="1">
        <v>6</v>
      </c>
      <c r="BA51" s="1">
        <v>8</v>
      </c>
      <c r="BB51" s="1"/>
      <c r="BC51" s="30">
        <v>0.26874999999999999</v>
      </c>
      <c r="BD51" s="30">
        <v>0.28680555555555554</v>
      </c>
      <c r="BE51" s="30">
        <v>0.77638888888888891</v>
      </c>
      <c r="BF51" s="30">
        <v>0.93958333333333333</v>
      </c>
      <c r="BG51" s="30">
        <v>0.33055555555555555</v>
      </c>
      <c r="BR51" s="1"/>
      <c r="BS51" s="1"/>
      <c r="BT51" s="1"/>
      <c r="BU51" s="1"/>
      <c r="BV51" s="1"/>
      <c r="BW51" s="1"/>
      <c r="BX51" s="1"/>
      <c r="BY51" s="1"/>
      <c r="BZ51" s="1"/>
      <c r="CA51" s="1"/>
      <c r="CB51" s="1"/>
      <c r="CC51" s="1"/>
      <c r="CD51" s="1"/>
      <c r="CE51" s="1"/>
      <c r="CF51" s="1"/>
      <c r="CG51" s="1"/>
      <c r="CH51" s="1"/>
      <c r="CI51" s="1"/>
      <c r="CJ51" s="1"/>
      <c r="CK51" s="1"/>
      <c r="CL51" s="1"/>
      <c r="CM51" s="1"/>
      <c r="CN51" s="1"/>
      <c r="CO51" s="1"/>
      <c r="CP51" s="1"/>
      <c r="CQ51" s="1"/>
      <c r="CR51" s="1"/>
      <c r="CS51" s="1"/>
      <c r="CT51" s="1"/>
      <c r="CU51" s="1"/>
      <c r="CV51" s="1"/>
      <c r="CW51" s="1"/>
      <c r="CX51" s="1"/>
      <c r="CY51" s="1"/>
      <c r="CZ51" s="1"/>
      <c r="DB51" s="1"/>
      <c r="DC51" s="1"/>
    </row>
    <row r="52" spans="2:107" x14ac:dyDescent="0.7">
      <c r="B52" s="1">
        <v>63.3</v>
      </c>
      <c r="C52" s="1">
        <v>14.8</v>
      </c>
      <c r="D52" s="1">
        <v>5</v>
      </c>
      <c r="E52" s="1">
        <v>6.3</v>
      </c>
      <c r="F52" s="1">
        <v>5.4</v>
      </c>
      <c r="G52" s="1">
        <v>11.5</v>
      </c>
      <c r="H52" s="1">
        <v>31.2</v>
      </c>
      <c r="I52" s="1">
        <v>1</v>
      </c>
      <c r="J52" s="1">
        <v>15.6</v>
      </c>
      <c r="K52" s="1">
        <v>6.8</v>
      </c>
      <c r="L52" s="1">
        <v>3.8</v>
      </c>
      <c r="M52" s="1">
        <v>17.399999999999999</v>
      </c>
      <c r="N52" s="1">
        <v>2.7</v>
      </c>
      <c r="O52" s="1">
        <v>2.9</v>
      </c>
      <c r="P52" s="1">
        <v>45.9</v>
      </c>
      <c r="Q52" s="1">
        <v>5</v>
      </c>
      <c r="R52" s="1">
        <v>11.4</v>
      </c>
      <c r="S52" s="1">
        <v>0.6</v>
      </c>
      <c r="T52" s="1">
        <v>0.7</v>
      </c>
      <c r="U52" s="1">
        <v>6.8</v>
      </c>
      <c r="V52" s="1">
        <v>21</v>
      </c>
      <c r="W52" s="1">
        <v>21</v>
      </c>
      <c r="X52" s="1">
        <v>1.9</v>
      </c>
      <c r="Y52" s="1">
        <v>0.9</v>
      </c>
      <c r="Z52" s="1">
        <v>33.700000000000003</v>
      </c>
      <c r="AA52" s="1">
        <v>13.2</v>
      </c>
      <c r="AB52" s="1">
        <v>40.5</v>
      </c>
      <c r="AC52" s="1">
        <v>7.5</v>
      </c>
      <c r="AD52" s="1">
        <v>4.5999999999999996</v>
      </c>
      <c r="AE52" s="1">
        <v>24.2</v>
      </c>
      <c r="AF52" s="1">
        <v>42.8</v>
      </c>
      <c r="AG52" s="1">
        <v>35.5</v>
      </c>
      <c r="AH52" s="1">
        <v>23.9</v>
      </c>
      <c r="AI52" s="1">
        <v>23.7</v>
      </c>
      <c r="AJ52" s="1">
        <v>18</v>
      </c>
      <c r="AK52" s="1">
        <v>9.6</v>
      </c>
      <c r="AL52" s="1">
        <v>0.2</v>
      </c>
      <c r="AM52" s="1"/>
      <c r="AN52" s="1">
        <v>484</v>
      </c>
      <c r="AO52" s="1">
        <v>29</v>
      </c>
      <c r="AP52" s="1">
        <v>260</v>
      </c>
      <c r="AQ52" s="1">
        <v>39</v>
      </c>
      <c r="AR52" s="1">
        <v>29</v>
      </c>
      <c r="AS52" s="1">
        <v>2</v>
      </c>
      <c r="AT52" s="1">
        <v>5</v>
      </c>
      <c r="AU52" s="1">
        <v>149</v>
      </c>
      <c r="AV52" s="1">
        <v>122</v>
      </c>
      <c r="AW52" s="1">
        <v>49</v>
      </c>
      <c r="AX52" s="1">
        <v>15</v>
      </c>
      <c r="AY52" s="1">
        <v>3</v>
      </c>
      <c r="AZ52" s="1">
        <v>6</v>
      </c>
      <c r="BA52" s="1">
        <v>5</v>
      </c>
      <c r="BB52" s="1"/>
      <c r="BC52" s="30">
        <v>0.26944444444444443</v>
      </c>
      <c r="BD52" s="30">
        <v>0.28749999999999998</v>
      </c>
      <c r="BE52" s="30">
        <v>0.78194444444444444</v>
      </c>
      <c r="BF52" s="30">
        <v>0.94444444444444442</v>
      </c>
      <c r="BG52" s="30">
        <v>0.33124999999999999</v>
      </c>
      <c r="BR52" s="1"/>
      <c r="BS52" s="1"/>
      <c r="BT52" s="1"/>
      <c r="BU52" s="1"/>
      <c r="BV52" s="1"/>
      <c r="BW52" s="1"/>
      <c r="BX52" s="1"/>
      <c r="BY52" s="1"/>
      <c r="BZ52" s="1"/>
      <c r="CA52" s="1"/>
      <c r="CB52" s="1"/>
      <c r="CC52" s="1"/>
      <c r="CD52" s="1"/>
      <c r="CE52" s="1"/>
      <c r="CF52" s="1"/>
      <c r="CG52" s="1"/>
      <c r="CH52" s="1"/>
      <c r="CI52" s="1"/>
      <c r="CJ52" s="1"/>
      <c r="CK52" s="1"/>
      <c r="CL52" s="1"/>
      <c r="CM52" s="1"/>
      <c r="CN52" s="1"/>
      <c r="CO52" s="1"/>
      <c r="CP52" s="1"/>
      <c r="CQ52" s="1"/>
      <c r="CR52" s="1"/>
      <c r="CS52" s="1"/>
      <c r="CT52" s="1"/>
      <c r="CU52" s="1"/>
      <c r="CV52" s="1"/>
      <c r="CW52" s="1"/>
      <c r="CX52" s="1"/>
      <c r="CY52" s="1"/>
      <c r="CZ52" s="1"/>
      <c r="DB52" s="1"/>
      <c r="DC52" s="1"/>
    </row>
    <row r="53" spans="2:107" x14ac:dyDescent="0.7">
      <c r="B53" s="1">
        <v>68</v>
      </c>
      <c r="C53" s="1">
        <v>14.2</v>
      </c>
      <c r="D53" s="1">
        <v>5.0999999999999996</v>
      </c>
      <c r="E53" s="1">
        <v>7.7</v>
      </c>
      <c r="F53" s="1">
        <v>9</v>
      </c>
      <c r="G53" s="1">
        <v>15</v>
      </c>
      <c r="H53" s="1">
        <v>37.6</v>
      </c>
      <c r="I53" s="1">
        <v>1.4</v>
      </c>
      <c r="J53" s="1">
        <v>22.6</v>
      </c>
      <c r="K53" s="1">
        <v>8.6999999999999993</v>
      </c>
      <c r="L53" s="1">
        <v>5.2</v>
      </c>
      <c r="M53" s="1">
        <v>28.2</v>
      </c>
      <c r="N53" s="1">
        <v>3</v>
      </c>
      <c r="O53" s="1">
        <v>4.4000000000000004</v>
      </c>
      <c r="P53" s="1">
        <v>53.6</v>
      </c>
      <c r="Q53" s="1">
        <v>8.6999999999999993</v>
      </c>
      <c r="R53" s="1">
        <v>12.7</v>
      </c>
      <c r="S53" s="1">
        <v>0.4</v>
      </c>
      <c r="T53" s="1">
        <v>0.5</v>
      </c>
      <c r="U53" s="1">
        <v>9.6999999999999993</v>
      </c>
      <c r="V53" s="1">
        <v>23</v>
      </c>
      <c r="W53" s="1">
        <v>18.399999999999999</v>
      </c>
      <c r="X53" s="1">
        <v>1.5</v>
      </c>
      <c r="Y53" s="1">
        <v>1.4</v>
      </c>
      <c r="Z53" s="1">
        <v>41.5</v>
      </c>
      <c r="AA53" s="1">
        <v>11.8</v>
      </c>
      <c r="AB53" s="1">
        <v>47.2</v>
      </c>
      <c r="AC53" s="1">
        <v>16.399999999999999</v>
      </c>
      <c r="AD53" s="1">
        <v>7.5</v>
      </c>
      <c r="AE53" s="1">
        <v>21</v>
      </c>
      <c r="AF53" s="1">
        <v>51.2</v>
      </c>
      <c r="AG53" s="1">
        <v>43.6</v>
      </c>
      <c r="AH53" s="1">
        <v>30.4</v>
      </c>
      <c r="AI53" s="1">
        <v>30.3</v>
      </c>
      <c r="AJ53" s="1">
        <v>22.1</v>
      </c>
      <c r="AK53" s="1">
        <v>14.8</v>
      </c>
      <c r="AL53" s="1">
        <v>0.4</v>
      </c>
      <c r="AM53" s="1"/>
      <c r="AN53" s="1">
        <v>484</v>
      </c>
      <c r="AO53" s="1">
        <v>36</v>
      </c>
      <c r="AP53" s="1">
        <v>276</v>
      </c>
      <c r="AQ53" s="1">
        <v>45</v>
      </c>
      <c r="AR53" s="1">
        <v>23</v>
      </c>
      <c r="AS53" s="1">
        <v>2</v>
      </c>
      <c r="AT53" s="1">
        <v>5</v>
      </c>
      <c r="AU53" s="1">
        <v>122</v>
      </c>
      <c r="AV53" s="1">
        <v>124</v>
      </c>
      <c r="AW53" s="1">
        <v>63</v>
      </c>
      <c r="AX53" s="1">
        <v>13</v>
      </c>
      <c r="AY53" s="1">
        <v>3</v>
      </c>
      <c r="AZ53" s="1">
        <v>8</v>
      </c>
      <c r="BA53" s="1">
        <v>6</v>
      </c>
      <c r="BB53" s="1"/>
      <c r="BC53" s="30">
        <v>0.27569444444444446</v>
      </c>
      <c r="BD53" s="30">
        <v>0.2951388888888889</v>
      </c>
      <c r="BE53" s="30">
        <v>0.78819444444444442</v>
      </c>
      <c r="BF53" s="30">
        <v>0.95694444444444449</v>
      </c>
      <c r="BG53" s="30">
        <v>0.31736111111111109</v>
      </c>
      <c r="BR53" s="1"/>
      <c r="BS53" s="1"/>
      <c r="BT53" s="1"/>
      <c r="BU53" s="1"/>
      <c r="BV53" s="1"/>
      <c r="BW53" s="1"/>
      <c r="BX53" s="1"/>
      <c r="BY53" s="1"/>
      <c r="BZ53" s="1"/>
      <c r="CA53" s="1"/>
      <c r="CB53" s="1"/>
      <c r="CC53" s="1"/>
      <c r="CD53" s="1"/>
      <c r="CE53" s="1"/>
      <c r="CF53" s="1"/>
      <c r="CG53" s="1"/>
      <c r="CH53" s="1"/>
      <c r="CI53" s="1"/>
      <c r="CJ53" s="1"/>
      <c r="CK53" s="1"/>
      <c r="CL53" s="1"/>
      <c r="CM53" s="1"/>
      <c r="CN53" s="1"/>
      <c r="CO53" s="1"/>
      <c r="CP53" s="1"/>
      <c r="CQ53" s="1"/>
      <c r="CR53" s="1"/>
      <c r="CS53" s="1"/>
      <c r="CT53" s="1"/>
      <c r="CU53" s="1"/>
      <c r="CV53" s="1"/>
      <c r="CW53" s="1"/>
      <c r="CX53" s="1"/>
      <c r="CY53" s="1"/>
      <c r="CZ53" s="1"/>
      <c r="DB53" s="1"/>
      <c r="DC53" s="1"/>
    </row>
    <row r="54" spans="2:107" x14ac:dyDescent="0.7">
      <c r="B54" s="1">
        <v>64.2</v>
      </c>
      <c r="C54" s="1">
        <v>14.4</v>
      </c>
      <c r="D54" s="1">
        <v>7.2</v>
      </c>
      <c r="E54" s="1">
        <v>5.5</v>
      </c>
      <c r="F54" s="1">
        <v>7.3</v>
      </c>
      <c r="G54" s="1">
        <v>13.1</v>
      </c>
      <c r="H54" s="1">
        <v>33.4</v>
      </c>
      <c r="I54" s="1">
        <v>0.9</v>
      </c>
      <c r="J54" s="1">
        <v>20</v>
      </c>
      <c r="K54" s="1">
        <v>7.8</v>
      </c>
      <c r="L54" s="1">
        <v>3.8</v>
      </c>
      <c r="M54" s="1">
        <v>21.1</v>
      </c>
      <c r="N54" s="1">
        <v>2.4</v>
      </c>
      <c r="O54" s="1">
        <v>3.3</v>
      </c>
      <c r="P54" s="1">
        <v>45.7</v>
      </c>
      <c r="Q54" s="1">
        <v>6</v>
      </c>
      <c r="R54" s="1">
        <v>12.5</v>
      </c>
      <c r="S54" s="1">
        <v>0.5</v>
      </c>
      <c r="T54" s="1">
        <v>0.4</v>
      </c>
      <c r="U54" s="1">
        <v>6.6</v>
      </c>
      <c r="V54" s="1">
        <v>21.4</v>
      </c>
      <c r="W54" s="1">
        <v>22.8</v>
      </c>
      <c r="X54" s="1">
        <v>1.1000000000000001</v>
      </c>
      <c r="Y54" s="1">
        <v>0.7</v>
      </c>
      <c r="Z54" s="1">
        <v>33.200000000000003</v>
      </c>
      <c r="AA54" s="1">
        <v>12.2</v>
      </c>
      <c r="AB54" s="1">
        <v>38.5</v>
      </c>
      <c r="AC54" s="1">
        <v>13.2</v>
      </c>
      <c r="AD54" s="1">
        <v>5.4</v>
      </c>
      <c r="AE54" s="1">
        <v>23.8</v>
      </c>
      <c r="AF54" s="1">
        <v>45.3</v>
      </c>
      <c r="AG54" s="1">
        <v>39.9</v>
      </c>
      <c r="AH54" s="1">
        <v>23.9</v>
      </c>
      <c r="AI54" s="1">
        <v>23.9</v>
      </c>
      <c r="AJ54" s="1">
        <v>20.3</v>
      </c>
      <c r="AK54" s="1">
        <v>7.6</v>
      </c>
      <c r="AL54" s="1">
        <v>0.5</v>
      </c>
      <c r="AM54" s="1"/>
      <c r="AN54" s="1">
        <v>493</v>
      </c>
      <c r="AO54" s="1">
        <v>28</v>
      </c>
      <c r="AP54" s="1">
        <v>261</v>
      </c>
      <c r="AQ54" s="1">
        <v>32</v>
      </c>
      <c r="AR54" s="1">
        <v>26</v>
      </c>
      <c r="AS54" s="1">
        <v>1</v>
      </c>
      <c r="AT54" s="1">
        <v>4</v>
      </c>
      <c r="AU54" s="1">
        <v>147</v>
      </c>
      <c r="AV54" s="1">
        <v>123</v>
      </c>
      <c r="AW54" s="1">
        <v>55</v>
      </c>
      <c r="AX54" s="1">
        <v>14</v>
      </c>
      <c r="AY54" s="1">
        <v>2</v>
      </c>
      <c r="AZ54" s="1">
        <v>9</v>
      </c>
      <c r="BA54" s="1">
        <v>11</v>
      </c>
      <c r="BB54" s="1"/>
      <c r="BC54" s="30">
        <v>0.27013888888888887</v>
      </c>
      <c r="BD54" s="30">
        <v>0.29097222222222224</v>
      </c>
      <c r="BE54" s="30">
        <v>0.77986111111111112</v>
      </c>
      <c r="BF54" s="30">
        <v>0.94027777777777777</v>
      </c>
      <c r="BG54" s="30">
        <v>0.33263888888888887</v>
      </c>
      <c r="BR54" s="1"/>
      <c r="BS54" s="1"/>
      <c r="BT54" s="1"/>
      <c r="BU54" s="1"/>
      <c r="BV54" s="1"/>
      <c r="BW54" s="1"/>
      <c r="BX54" s="1"/>
      <c r="BY54" s="1"/>
      <c r="BZ54" s="1"/>
      <c r="CA54" s="1"/>
      <c r="CB54" s="1"/>
      <c r="CC54" s="1"/>
      <c r="CD54" s="1"/>
      <c r="CE54" s="1"/>
      <c r="CF54" s="1"/>
      <c r="CG54" s="1"/>
      <c r="CH54" s="1"/>
      <c r="CI54" s="1"/>
      <c r="CJ54" s="1"/>
      <c r="CK54" s="1"/>
      <c r="CL54" s="1"/>
      <c r="CM54" s="1"/>
      <c r="CN54" s="1"/>
      <c r="CO54" s="1"/>
      <c r="CP54" s="1"/>
      <c r="CQ54" s="1"/>
      <c r="CR54" s="1"/>
      <c r="CS54" s="1"/>
      <c r="CT54" s="1"/>
      <c r="CU54" s="1"/>
      <c r="CV54" s="1"/>
      <c r="CW54" s="1"/>
      <c r="CX54" s="1"/>
      <c r="CY54" s="1"/>
      <c r="CZ54" s="1"/>
      <c r="DB54" s="1"/>
      <c r="DC54" s="1"/>
    </row>
    <row r="55" spans="2:107" x14ac:dyDescent="0.7">
      <c r="B55" s="1">
        <v>61.3</v>
      </c>
      <c r="C55" s="1">
        <v>12.8</v>
      </c>
      <c r="D55" s="1">
        <v>6.8</v>
      </c>
      <c r="E55" s="1">
        <v>8.3000000000000007</v>
      </c>
      <c r="F55" s="1">
        <v>7.3</v>
      </c>
      <c r="G55" s="1">
        <v>12.2</v>
      </c>
      <c r="H55" s="1">
        <v>31.4</v>
      </c>
      <c r="I55" s="1">
        <v>0.8</v>
      </c>
      <c r="J55" s="1">
        <v>16</v>
      </c>
      <c r="K55" s="1">
        <v>10.1</v>
      </c>
      <c r="L55" s="1">
        <v>3.7</v>
      </c>
      <c r="M55" s="1">
        <v>25.6</v>
      </c>
      <c r="N55" s="1">
        <v>2.7</v>
      </c>
      <c r="O55" s="1">
        <v>3.3</v>
      </c>
      <c r="P55" s="1">
        <v>45.6</v>
      </c>
      <c r="Q55" s="1">
        <v>5.7</v>
      </c>
      <c r="R55" s="1">
        <v>12.7</v>
      </c>
      <c r="S55" s="1">
        <v>0.6</v>
      </c>
      <c r="T55" s="1">
        <v>0.3</v>
      </c>
      <c r="U55" s="1">
        <v>7.6</v>
      </c>
      <c r="V55" s="1">
        <v>24.6</v>
      </c>
      <c r="W55" s="1">
        <v>19.3</v>
      </c>
      <c r="X55" s="1">
        <v>2.2999999999999998</v>
      </c>
      <c r="Y55" s="1">
        <v>1</v>
      </c>
      <c r="Z55" s="1">
        <v>36.6</v>
      </c>
      <c r="AA55" s="1">
        <v>12.4</v>
      </c>
      <c r="AB55" s="1">
        <v>39.6</v>
      </c>
      <c r="AC55" s="1">
        <v>11.6</v>
      </c>
      <c r="AD55" s="1">
        <v>7.4</v>
      </c>
      <c r="AE55" s="1">
        <v>28.3</v>
      </c>
      <c r="AF55" s="1">
        <v>42.6</v>
      </c>
      <c r="AG55" s="1">
        <v>37.200000000000003</v>
      </c>
      <c r="AH55" s="1">
        <v>21.2</v>
      </c>
      <c r="AI55" s="1">
        <v>21.2</v>
      </c>
      <c r="AJ55" s="1">
        <v>16.100000000000001</v>
      </c>
      <c r="AK55" s="1">
        <v>8.3000000000000007</v>
      </c>
      <c r="AL55" s="1">
        <v>0.1</v>
      </c>
      <c r="AM55" s="1"/>
      <c r="AN55" s="1">
        <v>490</v>
      </c>
      <c r="AO55" s="1">
        <v>27</v>
      </c>
      <c r="AP55" s="1">
        <v>280</v>
      </c>
      <c r="AQ55" s="1">
        <v>37</v>
      </c>
      <c r="AR55" s="1">
        <v>28</v>
      </c>
      <c r="AS55" s="1">
        <v>2</v>
      </c>
      <c r="AT55" s="1">
        <v>6</v>
      </c>
      <c r="AU55" s="1">
        <v>143</v>
      </c>
      <c r="AV55" s="1">
        <v>118</v>
      </c>
      <c r="AW55" s="1">
        <v>51</v>
      </c>
      <c r="AX55" s="1">
        <v>13</v>
      </c>
      <c r="AY55" s="1">
        <v>3</v>
      </c>
      <c r="AZ55" s="1">
        <v>7</v>
      </c>
      <c r="BA55" s="1">
        <v>6</v>
      </c>
      <c r="BB55" s="1"/>
      <c r="BC55" s="30">
        <v>0.27361111111111114</v>
      </c>
      <c r="BD55" s="30">
        <v>0.29375000000000001</v>
      </c>
      <c r="BE55" s="30">
        <v>0.78888888888888886</v>
      </c>
      <c r="BF55" s="30">
        <v>0.94444444444444442</v>
      </c>
      <c r="BG55" s="30">
        <v>0.33124999999999999</v>
      </c>
      <c r="BR55" s="1"/>
      <c r="BS55" s="1"/>
      <c r="BT55" s="1"/>
      <c r="BU55" s="1"/>
      <c r="BV55" s="1"/>
      <c r="BW55" s="1"/>
      <c r="BX55" s="1"/>
      <c r="BY55" s="1"/>
      <c r="BZ55" s="1"/>
      <c r="CA55" s="1"/>
      <c r="CB55" s="1"/>
      <c r="CC55" s="1"/>
      <c r="CD55" s="1"/>
      <c r="CE55" s="1"/>
      <c r="CF55" s="1"/>
      <c r="CG55" s="1"/>
      <c r="CH55" s="1"/>
      <c r="CI55" s="1"/>
      <c r="CJ55" s="1"/>
      <c r="CK55" s="1"/>
      <c r="CL55" s="1"/>
      <c r="CM55" s="1"/>
      <c r="CN55" s="1"/>
      <c r="CO55" s="1"/>
      <c r="CP55" s="1"/>
      <c r="CQ55" s="1"/>
      <c r="CR55" s="1"/>
      <c r="CS55" s="1"/>
      <c r="CT55" s="1"/>
      <c r="CU55" s="1"/>
      <c r="CV55" s="1"/>
      <c r="CW55" s="1"/>
      <c r="CX55" s="1"/>
      <c r="CY55" s="1"/>
      <c r="CZ55" s="1"/>
      <c r="DB55" s="1"/>
      <c r="DC55" s="1"/>
    </row>
    <row r="56" spans="2:107" x14ac:dyDescent="0.7">
      <c r="B56" s="1">
        <v>65</v>
      </c>
      <c r="C56" s="1">
        <v>11.1</v>
      </c>
      <c r="D56" s="1">
        <v>4.8</v>
      </c>
      <c r="E56" s="1">
        <v>7.7</v>
      </c>
      <c r="F56" s="1">
        <v>8.3000000000000007</v>
      </c>
      <c r="G56" s="1">
        <v>11.8</v>
      </c>
      <c r="H56" s="1">
        <v>35.5</v>
      </c>
      <c r="I56" s="1">
        <v>1.4</v>
      </c>
      <c r="J56" s="1">
        <v>13.9</v>
      </c>
      <c r="K56" s="1">
        <v>8.6999999999999993</v>
      </c>
      <c r="L56" s="1">
        <v>3</v>
      </c>
      <c r="M56" s="1">
        <v>20.3</v>
      </c>
      <c r="N56" s="1">
        <v>2</v>
      </c>
      <c r="O56" s="1">
        <v>2.6</v>
      </c>
      <c r="P56" s="1">
        <v>48.8</v>
      </c>
      <c r="Q56" s="1">
        <v>6.1</v>
      </c>
      <c r="R56" s="1">
        <v>10.4</v>
      </c>
      <c r="S56" s="1">
        <v>1</v>
      </c>
      <c r="T56" s="1">
        <v>0.9</v>
      </c>
      <c r="U56" s="1">
        <v>7.4</v>
      </c>
      <c r="V56" s="1">
        <v>21.4</v>
      </c>
      <c r="W56" s="1">
        <v>19.7</v>
      </c>
      <c r="X56" s="1">
        <v>2</v>
      </c>
      <c r="Y56" s="1">
        <v>1.3</v>
      </c>
      <c r="Z56" s="1">
        <v>38.4</v>
      </c>
      <c r="AA56" s="1">
        <v>11.4</v>
      </c>
      <c r="AB56" s="1">
        <v>41.7</v>
      </c>
      <c r="AC56" s="1">
        <v>12.3</v>
      </c>
      <c r="AD56" s="1">
        <v>6.3</v>
      </c>
      <c r="AE56" s="1">
        <v>22.3</v>
      </c>
      <c r="AF56" s="1">
        <v>45.5</v>
      </c>
      <c r="AG56" s="1">
        <v>38.299999999999997</v>
      </c>
      <c r="AH56" s="1">
        <v>24.3</v>
      </c>
      <c r="AI56" s="1">
        <v>24.3</v>
      </c>
      <c r="AJ56" s="1">
        <v>18.2</v>
      </c>
      <c r="AK56" s="1">
        <v>10.4</v>
      </c>
      <c r="AL56" s="1">
        <v>0.1</v>
      </c>
      <c r="AM56" s="1"/>
      <c r="AN56" s="1">
        <v>490</v>
      </c>
      <c r="AO56" s="1">
        <v>31</v>
      </c>
      <c r="AP56" s="1">
        <v>270</v>
      </c>
      <c r="AQ56" s="1">
        <v>38</v>
      </c>
      <c r="AR56" s="1">
        <v>24</v>
      </c>
      <c r="AS56" s="1">
        <v>1</v>
      </c>
      <c r="AT56" s="1">
        <v>5</v>
      </c>
      <c r="AU56" s="1">
        <v>143</v>
      </c>
      <c r="AV56" s="1">
        <v>118</v>
      </c>
      <c r="AW56" s="1">
        <v>56</v>
      </c>
      <c r="AX56" s="1">
        <v>16</v>
      </c>
      <c r="AY56" s="1">
        <v>2</v>
      </c>
      <c r="AZ56" s="1">
        <v>5</v>
      </c>
      <c r="BA56" s="1">
        <v>8</v>
      </c>
      <c r="BB56" s="1"/>
      <c r="BC56" s="30">
        <v>0.27430555555555558</v>
      </c>
      <c r="BD56" s="30">
        <v>0.29166666666666669</v>
      </c>
      <c r="BE56" s="30">
        <v>0.79166666666666663</v>
      </c>
      <c r="BF56" s="30">
        <v>0.94513888888888886</v>
      </c>
      <c r="BG56" s="30">
        <v>0.32430555555555557</v>
      </c>
      <c r="BR56" s="1"/>
      <c r="BS56" s="1"/>
      <c r="BT56" s="1"/>
      <c r="BU56" s="1"/>
      <c r="BV56" s="1"/>
      <c r="BW56" s="1"/>
      <c r="BX56" s="1"/>
      <c r="BY56" s="1"/>
      <c r="BZ56" s="1"/>
      <c r="CA56" s="1"/>
      <c r="CB56" s="1"/>
      <c r="CC56" s="1"/>
      <c r="CD56" s="1"/>
      <c r="CE56" s="1"/>
      <c r="CF56" s="1"/>
      <c r="CG56" s="1"/>
      <c r="CH56" s="1"/>
      <c r="CI56" s="1"/>
      <c r="CJ56" s="1"/>
      <c r="CK56" s="1"/>
      <c r="CL56" s="1"/>
      <c r="CM56" s="1"/>
      <c r="CN56" s="1"/>
      <c r="CO56" s="1"/>
      <c r="CP56" s="1"/>
      <c r="CQ56" s="1"/>
      <c r="CR56" s="1"/>
      <c r="CS56" s="1"/>
      <c r="CT56" s="1"/>
      <c r="CU56" s="1"/>
      <c r="CV56" s="1"/>
      <c r="CW56" s="1"/>
      <c r="CX56" s="1"/>
      <c r="CY56" s="1"/>
      <c r="CZ56" s="1"/>
      <c r="DB56" s="1"/>
      <c r="DC56" s="1"/>
    </row>
    <row r="57" spans="2:107" x14ac:dyDescent="0.7">
      <c r="B57" s="1">
        <v>68.599999999999994</v>
      </c>
      <c r="C57" s="1">
        <v>10.8</v>
      </c>
      <c r="D57" s="1">
        <v>3.6</v>
      </c>
      <c r="E57" s="1">
        <v>9.5</v>
      </c>
      <c r="F57" s="1">
        <v>11.3</v>
      </c>
      <c r="G57" s="1">
        <v>14.5</v>
      </c>
      <c r="H57" s="1">
        <v>40.799999999999997</v>
      </c>
      <c r="I57" s="1">
        <v>1.2</v>
      </c>
      <c r="J57" s="1">
        <v>15.8</v>
      </c>
      <c r="K57" s="1">
        <v>7.8</v>
      </c>
      <c r="L57" s="1">
        <v>2.5</v>
      </c>
      <c r="M57" s="1">
        <v>27.4</v>
      </c>
      <c r="N57" s="1">
        <v>2</v>
      </c>
      <c r="O57" s="1">
        <v>1.8</v>
      </c>
      <c r="P57" s="1">
        <v>49.3</v>
      </c>
      <c r="Q57" s="1">
        <v>6.1</v>
      </c>
      <c r="R57" s="1">
        <v>12.2</v>
      </c>
      <c r="S57" s="1">
        <v>0.9</v>
      </c>
      <c r="T57" s="1">
        <v>0.9</v>
      </c>
      <c r="U57" s="1">
        <v>9.1999999999999993</v>
      </c>
      <c r="V57" s="1">
        <v>27.3</v>
      </c>
      <c r="W57" s="1">
        <v>20.9</v>
      </c>
      <c r="X57" s="1">
        <v>2.4</v>
      </c>
      <c r="Y57" s="1">
        <v>1.2</v>
      </c>
      <c r="Z57" s="1">
        <v>37.700000000000003</v>
      </c>
      <c r="AA57" s="1">
        <v>10.1</v>
      </c>
      <c r="AB57" s="1">
        <v>44</v>
      </c>
      <c r="AC57" s="1">
        <v>15.4</v>
      </c>
      <c r="AD57" s="1">
        <v>5.7</v>
      </c>
      <c r="AE57" s="1">
        <v>17.7</v>
      </c>
      <c r="AF57" s="1">
        <v>44.7</v>
      </c>
      <c r="AG57" s="1">
        <v>37.5</v>
      </c>
      <c r="AH57" s="1">
        <v>27.1</v>
      </c>
      <c r="AI57" s="1">
        <v>27.1</v>
      </c>
      <c r="AJ57" s="1">
        <v>21</v>
      </c>
      <c r="AK57" s="1">
        <v>11.8</v>
      </c>
      <c r="AL57" s="1">
        <v>0.7</v>
      </c>
      <c r="AM57" s="1"/>
      <c r="AN57" s="1">
        <v>480</v>
      </c>
      <c r="AO57" s="1">
        <v>38</v>
      </c>
      <c r="AP57" s="1">
        <v>261</v>
      </c>
      <c r="AQ57" s="1">
        <v>40</v>
      </c>
      <c r="AR57" s="1">
        <v>23</v>
      </c>
      <c r="AS57" s="1">
        <v>1</v>
      </c>
      <c r="AT57" s="1">
        <v>4</v>
      </c>
      <c r="AU57" s="1">
        <v>132</v>
      </c>
      <c r="AV57" s="1">
        <v>125</v>
      </c>
      <c r="AW57" s="1">
        <v>62</v>
      </c>
      <c r="AX57" s="1">
        <v>18</v>
      </c>
      <c r="AY57" s="1">
        <v>2</v>
      </c>
      <c r="AZ57" s="1">
        <v>8</v>
      </c>
      <c r="BA57" s="1">
        <v>4</v>
      </c>
      <c r="BB57" s="1"/>
      <c r="BC57" s="30">
        <v>0.27916666666666667</v>
      </c>
      <c r="BD57" s="30">
        <v>0.29166666666666669</v>
      </c>
      <c r="BE57" s="30">
        <v>0.8</v>
      </c>
      <c r="BF57" s="30">
        <v>0.95416666666666672</v>
      </c>
      <c r="BG57" s="30">
        <v>0.33124999999999999</v>
      </c>
      <c r="BR57" s="1"/>
      <c r="BS57" s="1"/>
      <c r="BT57" s="1"/>
      <c r="BU57" s="1"/>
      <c r="BV57" s="1"/>
      <c r="BW57" s="1"/>
      <c r="BX57" s="1"/>
      <c r="BY57" s="1"/>
      <c r="BZ57" s="1"/>
      <c r="CA57" s="1"/>
      <c r="CB57" s="1"/>
      <c r="CC57" s="1"/>
      <c r="CD57" s="1"/>
      <c r="CE57" s="1"/>
      <c r="CF57" s="1"/>
      <c r="CG57" s="1"/>
      <c r="CH57" s="1"/>
      <c r="CI57" s="1"/>
      <c r="CJ57" s="1"/>
      <c r="CK57" s="1"/>
      <c r="CL57" s="1"/>
      <c r="CM57" s="1"/>
      <c r="CN57" s="1"/>
      <c r="CO57" s="1"/>
      <c r="CP57" s="1"/>
      <c r="CQ57" s="1"/>
      <c r="CR57" s="1"/>
      <c r="CS57" s="1"/>
      <c r="CT57" s="1"/>
      <c r="CU57" s="1"/>
      <c r="CV57" s="1"/>
      <c r="CW57" s="1"/>
      <c r="CX57" s="1"/>
      <c r="CY57" s="1"/>
      <c r="CZ57" s="1"/>
      <c r="DB57" s="1"/>
      <c r="DC57" s="1"/>
    </row>
    <row r="58" spans="2:107" x14ac:dyDescent="0.7">
      <c r="B58" s="1">
        <v>65.3</v>
      </c>
      <c r="C58" s="1">
        <v>9</v>
      </c>
      <c r="D58" s="1">
        <v>4.5999999999999996</v>
      </c>
      <c r="E58" s="1">
        <v>9.4</v>
      </c>
      <c r="F58" s="1">
        <v>9.3000000000000007</v>
      </c>
      <c r="G58" s="1">
        <v>12.3</v>
      </c>
      <c r="H58" s="1">
        <v>34.4</v>
      </c>
      <c r="I58" s="1">
        <v>0.8</v>
      </c>
      <c r="J58" s="1">
        <v>17</v>
      </c>
      <c r="K58" s="1">
        <v>6.1</v>
      </c>
      <c r="L58" s="1">
        <v>3.1</v>
      </c>
      <c r="M58" s="1">
        <v>24.7</v>
      </c>
      <c r="N58" s="1">
        <v>2.2999999999999998</v>
      </c>
      <c r="O58" s="1">
        <v>2.7</v>
      </c>
      <c r="P58" s="1">
        <v>48.7</v>
      </c>
      <c r="Q58" s="1">
        <v>6.4</v>
      </c>
      <c r="R58" s="1">
        <v>11.4</v>
      </c>
      <c r="S58" s="1">
        <v>0.5</v>
      </c>
      <c r="T58" s="1">
        <v>0.3</v>
      </c>
      <c r="U58" s="1">
        <v>8.1</v>
      </c>
      <c r="V58" s="1">
        <v>24.4</v>
      </c>
      <c r="W58" s="1">
        <v>18.2</v>
      </c>
      <c r="X58" s="1">
        <v>2.2000000000000002</v>
      </c>
      <c r="Y58" s="1">
        <v>0.9</v>
      </c>
      <c r="Z58" s="1">
        <v>35.299999999999997</v>
      </c>
      <c r="AA58" s="1">
        <v>10.5</v>
      </c>
      <c r="AB58" s="1">
        <v>43.9</v>
      </c>
      <c r="AC58" s="1">
        <v>16.3</v>
      </c>
      <c r="AD58" s="1">
        <v>6.1</v>
      </c>
      <c r="AE58" s="1">
        <v>16.8</v>
      </c>
      <c r="AF58" s="1">
        <v>46.2</v>
      </c>
      <c r="AG58" s="1">
        <v>38.700000000000003</v>
      </c>
      <c r="AH58" s="1">
        <v>27.2</v>
      </c>
      <c r="AI58" s="1">
        <v>27</v>
      </c>
      <c r="AJ58" s="1">
        <v>22</v>
      </c>
      <c r="AK58" s="1">
        <v>10.6</v>
      </c>
      <c r="AL58" s="1">
        <v>0.4</v>
      </c>
      <c r="AM58" s="1"/>
      <c r="AN58" s="1">
        <v>480</v>
      </c>
      <c r="AO58" s="1">
        <v>32</v>
      </c>
      <c r="AP58" s="1">
        <v>281</v>
      </c>
      <c r="AQ58" s="1">
        <v>40</v>
      </c>
      <c r="AR58" s="1">
        <v>23</v>
      </c>
      <c r="AS58" s="1">
        <v>3</v>
      </c>
      <c r="AT58" s="1">
        <v>6</v>
      </c>
      <c r="AU58" s="1">
        <v>132</v>
      </c>
      <c r="AV58" s="1">
        <v>121</v>
      </c>
      <c r="AW58" s="1">
        <v>53</v>
      </c>
      <c r="AX58" s="1">
        <v>17</v>
      </c>
      <c r="AY58" s="1">
        <v>3</v>
      </c>
      <c r="AZ58" s="1">
        <v>7</v>
      </c>
      <c r="BA58" s="1">
        <v>6</v>
      </c>
      <c r="BB58" s="1"/>
      <c r="BC58" s="30">
        <v>0.27013888888888887</v>
      </c>
      <c r="BD58" s="30">
        <v>0.28888888888888886</v>
      </c>
      <c r="BE58" s="30">
        <v>0.79583333333333328</v>
      </c>
      <c r="BF58" s="30">
        <v>0.94930555555555551</v>
      </c>
      <c r="BG58" s="30">
        <v>0.32361111111111113</v>
      </c>
      <c r="BR58" s="1"/>
      <c r="BS58" s="1"/>
      <c r="BT58" s="1"/>
      <c r="BU58" s="1"/>
      <c r="BV58" s="1"/>
      <c r="BW58" s="1"/>
      <c r="BX58" s="1"/>
      <c r="BY58" s="1"/>
      <c r="BZ58" s="1"/>
      <c r="CA58" s="1"/>
      <c r="CB58" s="1"/>
      <c r="CC58" s="1"/>
      <c r="CD58" s="1"/>
      <c r="CE58" s="1"/>
      <c r="CF58" s="1"/>
      <c r="CG58" s="1"/>
      <c r="CH58" s="1"/>
      <c r="CI58" s="1"/>
      <c r="CJ58" s="1"/>
      <c r="CK58" s="1"/>
      <c r="CL58" s="1"/>
      <c r="CM58" s="1"/>
      <c r="CN58" s="1"/>
      <c r="CO58" s="1"/>
      <c r="CP58" s="1"/>
      <c r="CQ58" s="1"/>
      <c r="CR58" s="1"/>
      <c r="CS58" s="1"/>
      <c r="CT58" s="1"/>
      <c r="CU58" s="1"/>
      <c r="CV58" s="1"/>
      <c r="CW58" s="1"/>
      <c r="CX58" s="1"/>
      <c r="CY58" s="1"/>
      <c r="CZ58" s="1"/>
      <c r="DB58" s="1"/>
      <c r="DC58" s="1"/>
    </row>
    <row r="59" spans="2:107" x14ac:dyDescent="0.7">
      <c r="B59" s="1">
        <v>69.900000000000006</v>
      </c>
      <c r="C59" s="1">
        <v>8.6999999999999993</v>
      </c>
      <c r="D59" s="1">
        <v>6.2</v>
      </c>
      <c r="E59" s="1">
        <v>9.1999999999999993</v>
      </c>
      <c r="F59" s="1">
        <v>10.1</v>
      </c>
      <c r="G59" s="1">
        <v>14.8</v>
      </c>
      <c r="H59" s="1">
        <v>41.9</v>
      </c>
      <c r="I59" s="1">
        <v>1.1000000000000001</v>
      </c>
      <c r="J59" s="1">
        <v>14.7</v>
      </c>
      <c r="K59" s="1">
        <v>7.8</v>
      </c>
      <c r="L59" s="1">
        <v>3.3</v>
      </c>
      <c r="M59" s="1">
        <v>27.3</v>
      </c>
      <c r="N59" s="1">
        <v>3.2</v>
      </c>
      <c r="O59" s="1">
        <v>3.3</v>
      </c>
      <c r="P59" s="1">
        <v>53.2</v>
      </c>
      <c r="Q59" s="1">
        <v>7.6</v>
      </c>
      <c r="R59" s="1">
        <v>12.8</v>
      </c>
      <c r="S59" s="1">
        <v>0.6</v>
      </c>
      <c r="T59" s="1">
        <v>1.1000000000000001</v>
      </c>
      <c r="U59" s="1">
        <v>8.9</v>
      </c>
      <c r="V59" s="1">
        <v>28.4</v>
      </c>
      <c r="W59" s="1">
        <v>17.899999999999999</v>
      </c>
      <c r="X59" s="1">
        <v>2.6</v>
      </c>
      <c r="Y59" s="1">
        <v>1.4</v>
      </c>
      <c r="Z59" s="1">
        <v>38.5</v>
      </c>
      <c r="AA59" s="1">
        <v>9</v>
      </c>
      <c r="AB59" s="1">
        <v>44</v>
      </c>
      <c r="AC59" s="1">
        <v>14.7</v>
      </c>
      <c r="AD59" s="1">
        <v>6.1</v>
      </c>
      <c r="AE59" s="1">
        <v>20.6</v>
      </c>
      <c r="AF59" s="1">
        <v>49.5</v>
      </c>
      <c r="AG59" s="1">
        <v>42.7</v>
      </c>
      <c r="AH59" s="1">
        <v>28.4</v>
      </c>
      <c r="AI59" s="1">
        <v>28.4</v>
      </c>
      <c r="AJ59" s="1">
        <v>23.3</v>
      </c>
      <c r="AK59" s="1">
        <v>10</v>
      </c>
      <c r="AL59" s="1">
        <v>0.3</v>
      </c>
      <c r="AM59" s="1"/>
      <c r="AN59" s="1">
        <v>477</v>
      </c>
      <c r="AO59" s="1">
        <v>34</v>
      </c>
      <c r="AP59" s="1">
        <v>272</v>
      </c>
      <c r="AQ59" s="1">
        <v>40</v>
      </c>
      <c r="AR59" s="1">
        <v>27</v>
      </c>
      <c r="AS59" s="1">
        <v>1</v>
      </c>
      <c r="AT59" s="1">
        <v>5</v>
      </c>
      <c r="AU59" s="1">
        <v>140</v>
      </c>
      <c r="AV59" s="1">
        <v>114</v>
      </c>
      <c r="AW59" s="1">
        <v>58</v>
      </c>
      <c r="AX59" s="1">
        <v>19</v>
      </c>
      <c r="AY59" s="1">
        <v>3</v>
      </c>
      <c r="AZ59" s="1">
        <v>8</v>
      </c>
      <c r="BA59" s="1">
        <v>4</v>
      </c>
      <c r="BB59" s="1"/>
      <c r="BC59" s="30">
        <v>0.27152777777777776</v>
      </c>
      <c r="BD59" s="30">
        <v>0.29305555555555557</v>
      </c>
      <c r="BE59" s="30">
        <v>0.79305555555555551</v>
      </c>
      <c r="BF59" s="30">
        <v>0.9555555555555556</v>
      </c>
      <c r="BG59" s="30">
        <v>0.33124999999999999</v>
      </c>
      <c r="BR59" s="1"/>
      <c r="BS59" s="1"/>
      <c r="BT59" s="1"/>
      <c r="BU59" s="1"/>
      <c r="BV59" s="1"/>
      <c r="BW59" s="1"/>
      <c r="BX59" s="1"/>
      <c r="BY59" s="1"/>
      <c r="BZ59" s="1"/>
      <c r="CA59" s="1"/>
      <c r="CB59" s="1"/>
      <c r="CC59" s="1"/>
      <c r="CD59" s="1"/>
      <c r="CE59" s="1"/>
      <c r="CF59" s="1"/>
      <c r="CG59" s="1"/>
      <c r="CH59" s="1"/>
      <c r="CI59" s="1"/>
      <c r="CJ59" s="1"/>
      <c r="CK59" s="1"/>
      <c r="CL59" s="1"/>
      <c r="CM59" s="1"/>
      <c r="CN59" s="1"/>
      <c r="CO59" s="1"/>
      <c r="CP59" s="1"/>
      <c r="CQ59" s="1"/>
      <c r="CR59" s="1"/>
      <c r="CS59" s="1"/>
      <c r="CT59" s="1"/>
      <c r="CU59" s="1"/>
      <c r="CV59" s="1"/>
      <c r="CW59" s="1"/>
      <c r="CX59" s="1"/>
      <c r="CY59" s="1"/>
      <c r="CZ59" s="1"/>
      <c r="DB59" s="1"/>
      <c r="DC59" s="1"/>
    </row>
    <row r="60" spans="2:107" x14ac:dyDescent="0.7">
      <c r="B60" s="1">
        <v>73.2</v>
      </c>
      <c r="C60" s="1">
        <v>9.5</v>
      </c>
      <c r="D60" s="1">
        <v>4.7</v>
      </c>
      <c r="E60" s="1">
        <v>9.6999999999999993</v>
      </c>
      <c r="F60" s="1">
        <v>13</v>
      </c>
      <c r="G60" s="1">
        <v>17.899999999999999</v>
      </c>
      <c r="H60" s="1">
        <v>44.2</v>
      </c>
      <c r="I60" s="1">
        <v>1.7</v>
      </c>
      <c r="J60" s="1">
        <v>19.399999999999999</v>
      </c>
      <c r="K60" s="1">
        <v>8.8000000000000007</v>
      </c>
      <c r="L60" s="1">
        <v>5.6</v>
      </c>
      <c r="M60" s="1">
        <v>31.1</v>
      </c>
      <c r="N60" s="1">
        <v>3.3</v>
      </c>
      <c r="O60" s="1">
        <v>4.5999999999999996</v>
      </c>
      <c r="P60" s="1">
        <v>55.7</v>
      </c>
      <c r="Q60" s="1">
        <v>9.3000000000000007</v>
      </c>
      <c r="R60" s="1">
        <v>12.5</v>
      </c>
      <c r="S60" s="1">
        <v>1.1000000000000001</v>
      </c>
      <c r="T60" s="1">
        <v>1.3</v>
      </c>
      <c r="U60" s="1">
        <v>9.6999999999999993</v>
      </c>
      <c r="V60" s="1">
        <v>23.1</v>
      </c>
      <c r="W60" s="1">
        <v>19.399999999999999</v>
      </c>
      <c r="X60" s="1">
        <v>3</v>
      </c>
      <c r="Y60" s="1">
        <v>1.1000000000000001</v>
      </c>
      <c r="Z60" s="1">
        <v>41.9</v>
      </c>
      <c r="AA60" s="1">
        <v>8.6</v>
      </c>
      <c r="AB60" s="1">
        <v>47.9</v>
      </c>
      <c r="AC60" s="1">
        <v>16.899999999999999</v>
      </c>
      <c r="AD60" s="1">
        <v>8.1</v>
      </c>
      <c r="AE60" s="1">
        <v>15.4</v>
      </c>
      <c r="AF60" s="1">
        <v>51</v>
      </c>
      <c r="AG60" s="1">
        <v>41.9</v>
      </c>
      <c r="AH60" s="1">
        <v>34.299999999999997</v>
      </c>
      <c r="AI60" s="1">
        <v>34.299999999999997</v>
      </c>
      <c r="AJ60" s="1">
        <v>28.1</v>
      </c>
      <c r="AK60" s="1">
        <v>13.1</v>
      </c>
      <c r="AL60" s="1">
        <v>0.3</v>
      </c>
      <c r="AM60" s="1"/>
      <c r="AN60" s="1">
        <v>475</v>
      </c>
      <c r="AO60" s="1">
        <v>46</v>
      </c>
      <c r="AP60" s="1">
        <v>263</v>
      </c>
      <c r="AQ60" s="1">
        <v>39</v>
      </c>
      <c r="AR60" s="1">
        <v>28</v>
      </c>
      <c r="AS60" s="1">
        <v>3</v>
      </c>
      <c r="AT60" s="1">
        <v>7</v>
      </c>
      <c r="AU60" s="1">
        <v>125</v>
      </c>
      <c r="AV60" s="1">
        <v>115</v>
      </c>
      <c r="AW60" s="1">
        <v>61</v>
      </c>
      <c r="AX60" s="1">
        <v>15</v>
      </c>
      <c r="AY60" s="1">
        <v>2</v>
      </c>
      <c r="AZ60" s="1">
        <v>8</v>
      </c>
      <c r="BA60" s="1">
        <v>6</v>
      </c>
      <c r="BB60" s="1"/>
      <c r="BC60" s="30">
        <v>0.27847222222222223</v>
      </c>
      <c r="BD60" s="30">
        <v>0.29444444444444445</v>
      </c>
      <c r="BE60" s="30">
        <v>0.80347222222222225</v>
      </c>
      <c r="BF60" s="30">
        <v>0.96111111111111114</v>
      </c>
      <c r="BG60" s="30">
        <v>0.33124999999999999</v>
      </c>
      <c r="BR60" s="1"/>
      <c r="BS60" s="1"/>
      <c r="BT60" s="1"/>
      <c r="BU60" s="1"/>
      <c r="BV60" s="1"/>
      <c r="BW60" s="1"/>
      <c r="BX60" s="1"/>
      <c r="BY60" s="1"/>
      <c r="BZ60" s="1"/>
      <c r="CA60" s="1"/>
      <c r="CB60" s="1"/>
      <c r="CC60" s="1"/>
      <c r="CD60" s="1"/>
      <c r="CE60" s="1"/>
      <c r="CF60" s="1"/>
      <c r="CG60" s="1"/>
      <c r="CH60" s="1"/>
      <c r="CI60" s="1"/>
      <c r="CJ60" s="1"/>
      <c r="CK60" s="1"/>
      <c r="CL60" s="1"/>
      <c r="CM60" s="1"/>
      <c r="CN60" s="1"/>
      <c r="CO60" s="1"/>
      <c r="CP60" s="1"/>
      <c r="CQ60" s="1"/>
      <c r="CR60" s="1"/>
      <c r="CS60" s="1"/>
      <c r="CT60" s="1"/>
      <c r="CU60" s="1"/>
      <c r="CV60" s="1"/>
      <c r="CW60" s="1"/>
      <c r="CX60" s="1"/>
      <c r="CY60" s="1"/>
      <c r="CZ60" s="1"/>
      <c r="DB60" s="1"/>
      <c r="DC60" s="1"/>
    </row>
    <row r="61" spans="2:107" x14ac:dyDescent="0.7">
      <c r="B61" s="1">
        <v>70.2</v>
      </c>
      <c r="C61" s="1">
        <v>9.4</v>
      </c>
      <c r="D61" s="1">
        <v>3.3</v>
      </c>
      <c r="E61" s="1">
        <v>6.4</v>
      </c>
      <c r="F61" s="1">
        <v>10.1</v>
      </c>
      <c r="G61" s="1">
        <v>16.7</v>
      </c>
      <c r="H61" s="1">
        <v>43.4</v>
      </c>
      <c r="I61" s="1">
        <v>1.4</v>
      </c>
      <c r="J61" s="1">
        <v>17.8</v>
      </c>
      <c r="K61" s="1">
        <v>7</v>
      </c>
      <c r="L61" s="1">
        <v>4.5</v>
      </c>
      <c r="M61" s="1">
        <v>30</v>
      </c>
      <c r="N61" s="1">
        <v>3</v>
      </c>
      <c r="O61" s="1">
        <v>5.4</v>
      </c>
      <c r="P61" s="1">
        <v>55.4</v>
      </c>
      <c r="Q61" s="1">
        <v>7</v>
      </c>
      <c r="R61" s="1">
        <v>12.6</v>
      </c>
      <c r="S61" s="1">
        <v>0.6</v>
      </c>
      <c r="T61" s="1">
        <v>0.7</v>
      </c>
      <c r="U61" s="1">
        <v>9.1999999999999993</v>
      </c>
      <c r="V61" s="1">
        <v>21</v>
      </c>
      <c r="W61" s="1">
        <v>16</v>
      </c>
      <c r="X61" s="1">
        <v>2.2000000000000002</v>
      </c>
      <c r="Y61" s="1">
        <v>1</v>
      </c>
      <c r="Z61" s="1">
        <v>41.2</v>
      </c>
      <c r="AA61" s="1">
        <v>8.4</v>
      </c>
      <c r="AB61" s="1">
        <v>46.8</v>
      </c>
      <c r="AC61" s="1">
        <v>16.600000000000001</v>
      </c>
      <c r="AD61" s="1">
        <v>7.2</v>
      </c>
      <c r="AE61" s="1">
        <v>13.9</v>
      </c>
      <c r="AF61" s="1">
        <v>47</v>
      </c>
      <c r="AG61" s="1">
        <v>38</v>
      </c>
      <c r="AH61" s="1">
        <v>32.6</v>
      </c>
      <c r="AI61" s="1">
        <v>32.6</v>
      </c>
      <c r="AJ61" s="1">
        <v>25.5</v>
      </c>
      <c r="AK61" s="1">
        <v>14.9</v>
      </c>
      <c r="AL61" s="1">
        <v>0.5</v>
      </c>
      <c r="AM61" s="1"/>
      <c r="AN61" s="1">
        <v>475</v>
      </c>
      <c r="AO61" s="1">
        <v>45</v>
      </c>
      <c r="AP61" s="1">
        <v>276</v>
      </c>
      <c r="AQ61" s="1">
        <v>39</v>
      </c>
      <c r="AR61" s="1">
        <v>24</v>
      </c>
      <c r="AS61" s="1">
        <v>2</v>
      </c>
      <c r="AT61" s="1">
        <v>7</v>
      </c>
      <c r="AU61" s="1">
        <v>124</v>
      </c>
      <c r="AV61" s="1">
        <v>115</v>
      </c>
      <c r="AW61" s="1">
        <v>61</v>
      </c>
      <c r="AX61" s="1">
        <v>16</v>
      </c>
      <c r="AY61" s="1">
        <v>1</v>
      </c>
      <c r="AZ61" s="1">
        <v>8</v>
      </c>
      <c r="BA61" s="1">
        <v>4</v>
      </c>
      <c r="BB61" s="1"/>
      <c r="BC61" s="30">
        <v>0.27708333333333335</v>
      </c>
      <c r="BD61" s="30">
        <v>0.29583333333333334</v>
      </c>
      <c r="BE61" s="30">
        <v>0.8041666666666667</v>
      </c>
      <c r="BF61" s="30">
        <v>0.96666666666666667</v>
      </c>
      <c r="BG61" s="30">
        <v>0.33194444444444443</v>
      </c>
      <c r="BR61" s="1"/>
      <c r="BS61" s="1"/>
      <c r="BT61" s="1"/>
      <c r="BU61" s="1"/>
      <c r="BV61" s="1"/>
      <c r="BW61" s="1"/>
      <c r="BX61" s="1"/>
      <c r="BY61" s="1"/>
      <c r="BZ61" s="1"/>
      <c r="CA61" s="1"/>
      <c r="CB61" s="1"/>
      <c r="CC61" s="1"/>
      <c r="CD61" s="1"/>
      <c r="CE61" s="1"/>
      <c r="CF61" s="1"/>
      <c r="CG61" s="1"/>
      <c r="CH61" s="1"/>
      <c r="CI61" s="1"/>
      <c r="CJ61" s="1"/>
      <c r="CK61" s="1"/>
      <c r="CL61" s="1"/>
      <c r="CM61" s="1"/>
      <c r="CN61" s="1"/>
      <c r="CO61" s="1"/>
      <c r="CP61" s="1"/>
      <c r="CQ61" s="1"/>
      <c r="CR61" s="1"/>
      <c r="CS61" s="1"/>
      <c r="CT61" s="1"/>
      <c r="CU61" s="1"/>
      <c r="CV61" s="1"/>
      <c r="CW61" s="1"/>
      <c r="CX61" s="1"/>
      <c r="CY61" s="1"/>
      <c r="CZ61" s="1"/>
      <c r="DB61" s="1"/>
      <c r="DC61" s="1"/>
    </row>
    <row r="62" spans="2:107" x14ac:dyDescent="0.7">
      <c r="B62" s="1">
        <v>75.5</v>
      </c>
      <c r="C62" s="1">
        <v>6.9</v>
      </c>
      <c r="D62" s="1">
        <v>4.9000000000000004</v>
      </c>
      <c r="E62" s="1">
        <v>10.199999999999999</v>
      </c>
      <c r="F62" s="1">
        <v>16.2</v>
      </c>
      <c r="G62" s="1">
        <v>19.2</v>
      </c>
      <c r="H62" s="1">
        <v>45.8</v>
      </c>
      <c r="I62" s="1">
        <v>2.2999999999999998</v>
      </c>
      <c r="J62" s="1">
        <v>17.8</v>
      </c>
      <c r="K62" s="1">
        <v>14.8</v>
      </c>
      <c r="L62" s="1">
        <v>8.6</v>
      </c>
      <c r="M62" s="1">
        <v>36.1</v>
      </c>
      <c r="N62" s="1">
        <v>4.7</v>
      </c>
      <c r="O62" s="1">
        <v>6.9</v>
      </c>
      <c r="P62" s="1">
        <v>64.7</v>
      </c>
      <c r="Q62" s="1">
        <v>12.5</v>
      </c>
      <c r="R62" s="1">
        <v>15.9</v>
      </c>
      <c r="S62" s="1">
        <v>0.6</v>
      </c>
      <c r="T62" s="1">
        <v>0.7</v>
      </c>
      <c r="U62" s="1">
        <v>10.4</v>
      </c>
      <c r="V62" s="1">
        <v>15.2</v>
      </c>
      <c r="W62" s="1">
        <v>14.1</v>
      </c>
      <c r="X62" s="1">
        <v>3.3</v>
      </c>
      <c r="Y62" s="1">
        <v>1.1000000000000001</v>
      </c>
      <c r="Z62" s="1">
        <v>47</v>
      </c>
      <c r="AA62" s="1">
        <v>7.3</v>
      </c>
      <c r="AB62" s="1">
        <v>51.6</v>
      </c>
      <c r="AC62" s="1">
        <v>19.7</v>
      </c>
      <c r="AD62" s="1">
        <v>7.6</v>
      </c>
      <c r="AE62" s="1">
        <v>14.4</v>
      </c>
      <c r="AF62" s="1">
        <v>55</v>
      </c>
      <c r="AG62" s="1">
        <v>44.7</v>
      </c>
      <c r="AH62" s="1">
        <v>40.700000000000003</v>
      </c>
      <c r="AI62" s="1">
        <v>40.5</v>
      </c>
      <c r="AJ62" s="1">
        <v>34.200000000000003</v>
      </c>
      <c r="AK62" s="1">
        <v>17.600000000000001</v>
      </c>
      <c r="AL62" s="1">
        <v>0.4</v>
      </c>
      <c r="AM62" s="1"/>
      <c r="AN62" s="1">
        <v>468</v>
      </c>
      <c r="AO62" s="1">
        <v>44</v>
      </c>
      <c r="AP62" s="1">
        <v>272</v>
      </c>
      <c r="AQ62" s="1">
        <v>39</v>
      </c>
      <c r="AR62" s="1">
        <v>26</v>
      </c>
      <c r="AS62" s="1">
        <v>2</v>
      </c>
      <c r="AT62" s="1">
        <v>7</v>
      </c>
      <c r="AU62" s="1">
        <v>108</v>
      </c>
      <c r="AV62" s="1">
        <v>118</v>
      </c>
      <c r="AW62" s="1">
        <v>69</v>
      </c>
      <c r="AX62" s="1">
        <v>15</v>
      </c>
      <c r="AY62" s="1">
        <v>2</v>
      </c>
      <c r="AZ62" s="1">
        <v>8</v>
      </c>
      <c r="BA62" s="1">
        <v>7</v>
      </c>
      <c r="BB62" s="1"/>
      <c r="BC62" s="30">
        <v>0.29305555555555557</v>
      </c>
      <c r="BD62" s="30">
        <v>0.30833333333333335</v>
      </c>
      <c r="BE62" s="30">
        <v>0.81041666666666667</v>
      </c>
      <c r="BF62" s="30">
        <v>0.98819444444444449</v>
      </c>
      <c r="BG62" s="30">
        <v>0.3576388888888889</v>
      </c>
      <c r="BR62" s="1"/>
      <c r="BS62" s="1"/>
      <c r="BT62" s="1"/>
      <c r="BU62" s="1"/>
      <c r="BV62" s="1"/>
      <c r="BW62" s="1"/>
      <c r="BX62" s="1"/>
      <c r="BY62" s="1"/>
      <c r="BZ62" s="1"/>
      <c r="CA62" s="1"/>
      <c r="CB62" s="1"/>
      <c r="CC62" s="1"/>
      <c r="CD62" s="1"/>
      <c r="CE62" s="1"/>
      <c r="CF62" s="1"/>
      <c r="CG62" s="1"/>
      <c r="CH62" s="1"/>
      <c r="CI62" s="1"/>
      <c r="CJ62" s="1"/>
      <c r="CK62" s="1"/>
      <c r="CL62" s="1"/>
      <c r="CM62" s="1"/>
      <c r="CN62" s="1"/>
      <c r="CO62" s="1"/>
      <c r="CP62" s="1"/>
      <c r="CQ62" s="1"/>
      <c r="CR62" s="1"/>
      <c r="CS62" s="1"/>
      <c r="CT62" s="1"/>
      <c r="CU62" s="1"/>
      <c r="CV62" s="1"/>
      <c r="CW62" s="1"/>
      <c r="CX62" s="1"/>
      <c r="CY62" s="1"/>
      <c r="CZ62" s="1"/>
      <c r="DB62" s="1"/>
      <c r="DC62" s="1"/>
    </row>
    <row r="63" spans="2:107" x14ac:dyDescent="0.7">
      <c r="B63" s="1">
        <v>75.5</v>
      </c>
      <c r="C63" s="1">
        <v>10.199999999999999</v>
      </c>
      <c r="D63" s="1">
        <v>4.5999999999999996</v>
      </c>
      <c r="E63" s="1">
        <v>10</v>
      </c>
      <c r="F63" s="1">
        <v>12.6</v>
      </c>
      <c r="G63" s="1">
        <v>17.7</v>
      </c>
      <c r="H63" s="1">
        <v>47</v>
      </c>
      <c r="I63" s="1">
        <v>2.7</v>
      </c>
      <c r="J63" s="1">
        <v>19.5</v>
      </c>
      <c r="K63" s="1">
        <v>11.1</v>
      </c>
      <c r="L63" s="1">
        <v>5.6</v>
      </c>
      <c r="M63" s="1">
        <v>33.1</v>
      </c>
      <c r="N63" s="1">
        <v>3.6</v>
      </c>
      <c r="O63" s="1">
        <v>5.9</v>
      </c>
      <c r="P63" s="1">
        <v>60.1</v>
      </c>
      <c r="Q63" s="1">
        <v>10.7</v>
      </c>
      <c r="R63" s="1">
        <v>13.7</v>
      </c>
      <c r="S63" s="1">
        <v>0.5</v>
      </c>
      <c r="T63" s="1">
        <v>0.8</v>
      </c>
      <c r="U63" s="1">
        <v>11</v>
      </c>
      <c r="V63" s="1">
        <v>20.7</v>
      </c>
      <c r="W63" s="1">
        <v>15.8</v>
      </c>
      <c r="X63" s="1">
        <v>2.8</v>
      </c>
      <c r="Y63" s="1">
        <v>1.3</v>
      </c>
      <c r="Z63" s="1">
        <v>44.2</v>
      </c>
      <c r="AA63" s="1">
        <v>8.1999999999999993</v>
      </c>
      <c r="AB63" s="1">
        <v>51.7</v>
      </c>
      <c r="AC63" s="1">
        <v>21.7</v>
      </c>
      <c r="AD63" s="1">
        <v>8.4</v>
      </c>
      <c r="AE63" s="1">
        <v>16.100000000000001</v>
      </c>
      <c r="AF63" s="1">
        <v>55</v>
      </c>
      <c r="AG63" s="1">
        <v>44</v>
      </c>
      <c r="AH63" s="1">
        <v>39.4</v>
      </c>
      <c r="AI63" s="1">
        <v>39.299999999999997</v>
      </c>
      <c r="AJ63" s="1">
        <v>30.6</v>
      </c>
      <c r="AK63" s="1">
        <v>17.600000000000001</v>
      </c>
      <c r="AL63" s="1">
        <v>0.5</v>
      </c>
      <c r="AM63" s="1"/>
      <c r="AN63" s="1">
        <v>471</v>
      </c>
      <c r="AO63" s="1">
        <v>45</v>
      </c>
      <c r="AP63" s="1">
        <v>268</v>
      </c>
      <c r="AQ63" s="1">
        <v>36</v>
      </c>
      <c r="AR63" s="1">
        <v>27</v>
      </c>
      <c r="AS63" s="1">
        <v>1</v>
      </c>
      <c r="AT63" s="1">
        <v>7</v>
      </c>
      <c r="AU63" s="1">
        <v>125</v>
      </c>
      <c r="AV63" s="1">
        <v>119</v>
      </c>
      <c r="AW63" s="1">
        <v>66</v>
      </c>
      <c r="AX63" s="1">
        <v>16</v>
      </c>
      <c r="AY63" s="1">
        <v>2</v>
      </c>
      <c r="AZ63" s="1">
        <v>7</v>
      </c>
      <c r="BA63" s="1">
        <v>6</v>
      </c>
      <c r="BB63" s="1"/>
      <c r="BC63" s="30">
        <v>0.28194444444444444</v>
      </c>
      <c r="BD63" s="30">
        <v>0.29722222222222222</v>
      </c>
      <c r="BE63" s="30">
        <v>0.80625000000000002</v>
      </c>
      <c r="BF63" s="30">
        <v>0.96666666666666667</v>
      </c>
      <c r="BG63" s="30">
        <v>0.3263888888888889</v>
      </c>
      <c r="BR63" s="1"/>
      <c r="BS63" s="1"/>
      <c r="BT63" s="1"/>
      <c r="BU63" s="1"/>
      <c r="BV63" s="1"/>
      <c r="BW63" s="1"/>
      <c r="BX63" s="1"/>
      <c r="BY63" s="1"/>
      <c r="BZ63" s="1"/>
      <c r="CA63" s="1"/>
      <c r="CB63" s="1"/>
      <c r="CC63" s="1"/>
      <c r="CD63" s="1"/>
      <c r="CE63" s="1"/>
      <c r="CF63" s="1"/>
      <c r="CG63" s="1"/>
      <c r="CH63" s="1"/>
      <c r="CI63" s="1"/>
      <c r="CJ63" s="1"/>
      <c r="CK63" s="1"/>
      <c r="CL63" s="1"/>
      <c r="CM63" s="1"/>
      <c r="CN63" s="1"/>
      <c r="CO63" s="1"/>
      <c r="CP63" s="1"/>
      <c r="CQ63" s="1"/>
      <c r="CR63" s="1"/>
      <c r="CS63" s="1"/>
      <c r="CT63" s="1"/>
      <c r="CU63" s="1"/>
      <c r="CV63" s="1"/>
      <c r="CW63" s="1"/>
      <c r="CX63" s="1"/>
      <c r="CY63" s="1"/>
      <c r="CZ63" s="1"/>
      <c r="DB63" s="1"/>
      <c r="DC63" s="1"/>
    </row>
    <row r="64" spans="2:107" x14ac:dyDescent="0.7">
      <c r="B64" s="1">
        <v>63</v>
      </c>
      <c r="C64" s="1">
        <v>13.6</v>
      </c>
      <c r="D64" s="1">
        <v>8.4</v>
      </c>
      <c r="E64" s="1">
        <v>8.1</v>
      </c>
      <c r="F64" s="1">
        <v>7.8</v>
      </c>
      <c r="G64" s="1">
        <v>12.9</v>
      </c>
      <c r="H64" s="1">
        <v>34</v>
      </c>
      <c r="I64" s="1">
        <v>1.3</v>
      </c>
      <c r="J64" s="1">
        <v>16.899999999999999</v>
      </c>
      <c r="K64" s="1">
        <v>11.5</v>
      </c>
      <c r="L64" s="1">
        <v>3.7</v>
      </c>
      <c r="M64" s="1">
        <v>25</v>
      </c>
      <c r="N64" s="1">
        <v>2.1</v>
      </c>
      <c r="O64" s="1">
        <v>4.4000000000000004</v>
      </c>
      <c r="P64" s="1">
        <v>48.3</v>
      </c>
      <c r="Q64" s="1">
        <v>6.8</v>
      </c>
      <c r="R64" s="1">
        <v>12.4</v>
      </c>
      <c r="S64" s="1">
        <v>0.5</v>
      </c>
      <c r="T64" s="1">
        <v>0.3</v>
      </c>
      <c r="U64" s="1">
        <v>9.4</v>
      </c>
      <c r="V64" s="1">
        <v>22.1</v>
      </c>
      <c r="W64" s="1">
        <v>18.8</v>
      </c>
      <c r="X64" s="1">
        <v>2.7</v>
      </c>
      <c r="Y64" s="1">
        <v>1</v>
      </c>
      <c r="Z64" s="1">
        <v>38.299999999999997</v>
      </c>
      <c r="AA64" s="1">
        <v>9.4</v>
      </c>
      <c r="AB64" s="1">
        <v>42.4</v>
      </c>
      <c r="AC64" s="1">
        <v>15.4</v>
      </c>
      <c r="AD64" s="1">
        <v>6</v>
      </c>
      <c r="AE64" s="1">
        <v>21.5</v>
      </c>
      <c r="AF64" s="1">
        <v>47.3</v>
      </c>
      <c r="AG64" s="1">
        <v>38.4</v>
      </c>
      <c r="AH64" s="1">
        <v>29.8</v>
      </c>
      <c r="AI64" s="1">
        <v>29.8</v>
      </c>
      <c r="AJ64" s="1">
        <v>24.6</v>
      </c>
      <c r="AK64" s="1">
        <v>10.3</v>
      </c>
      <c r="AL64" s="1">
        <v>0.5</v>
      </c>
      <c r="AM64" s="1"/>
      <c r="AN64" s="1">
        <v>483</v>
      </c>
      <c r="AO64" s="1">
        <v>29</v>
      </c>
      <c r="AP64" s="1">
        <v>261</v>
      </c>
      <c r="AQ64" s="1">
        <v>34</v>
      </c>
      <c r="AR64" s="1">
        <v>29</v>
      </c>
      <c r="AS64" s="1">
        <v>1</v>
      </c>
      <c r="AT64" s="1">
        <v>8</v>
      </c>
      <c r="AU64" s="1">
        <v>143</v>
      </c>
      <c r="AV64" s="1">
        <v>125</v>
      </c>
      <c r="AW64" s="1">
        <v>57</v>
      </c>
      <c r="AX64" s="1">
        <v>12</v>
      </c>
      <c r="AY64" s="1">
        <v>2</v>
      </c>
      <c r="AZ64" s="1">
        <v>8</v>
      </c>
      <c r="BA64" s="1">
        <v>6</v>
      </c>
      <c r="BB64" s="1"/>
      <c r="BC64" s="30">
        <v>0.27500000000000002</v>
      </c>
      <c r="BD64" s="30">
        <v>0.29166666666666669</v>
      </c>
      <c r="BE64" s="30">
        <v>0.78680555555555554</v>
      </c>
      <c r="BF64" s="30">
        <v>0.94722222222222219</v>
      </c>
      <c r="BG64" s="30">
        <v>0.33750000000000002</v>
      </c>
      <c r="BR64" s="1"/>
      <c r="BS64" s="1"/>
      <c r="BT64" s="1"/>
      <c r="BU64" s="1"/>
      <c r="BV64" s="1"/>
      <c r="BW64" s="1"/>
      <c r="BX64" s="1"/>
      <c r="BY64" s="1"/>
      <c r="BZ64" s="1"/>
      <c r="CA64" s="1"/>
      <c r="CB64" s="1"/>
      <c r="CC64" s="1"/>
      <c r="CD64" s="1"/>
      <c r="CE64" s="1"/>
      <c r="CF64" s="1"/>
      <c r="CG64" s="1"/>
      <c r="CH64" s="1"/>
      <c r="CI64" s="1"/>
      <c r="CJ64" s="1"/>
      <c r="CK64" s="1"/>
      <c r="CL64" s="1"/>
      <c r="CM64" s="1"/>
      <c r="CN64" s="1"/>
      <c r="CO64" s="1"/>
      <c r="CP64" s="1"/>
      <c r="CQ64" s="1"/>
      <c r="CR64" s="1"/>
      <c r="CS64" s="1"/>
      <c r="CT64" s="1"/>
      <c r="CU64" s="1"/>
      <c r="CV64" s="1"/>
      <c r="CW64" s="1"/>
      <c r="CX64" s="1"/>
      <c r="CY64" s="1"/>
      <c r="CZ64" s="1"/>
      <c r="DB64" s="1"/>
      <c r="DC64" s="1"/>
    </row>
    <row r="65" spans="2:107" x14ac:dyDescent="0.7">
      <c r="B65" s="1">
        <v>64.5</v>
      </c>
      <c r="C65" s="1">
        <v>12.3</v>
      </c>
      <c r="D65" s="1">
        <v>8</v>
      </c>
      <c r="E65" s="1">
        <v>7.7</v>
      </c>
      <c r="F65" s="1">
        <v>8.3000000000000007</v>
      </c>
      <c r="G65" s="1">
        <v>13</v>
      </c>
      <c r="H65" s="1">
        <v>34.700000000000003</v>
      </c>
      <c r="I65" s="1">
        <v>0.8</v>
      </c>
      <c r="J65" s="1">
        <v>17.5</v>
      </c>
      <c r="K65" s="1">
        <v>11.3</v>
      </c>
      <c r="L65" s="1">
        <v>3.7</v>
      </c>
      <c r="M65" s="1">
        <v>29.4</v>
      </c>
      <c r="N65" s="1">
        <v>3.2</v>
      </c>
      <c r="O65" s="1">
        <v>3.4</v>
      </c>
      <c r="P65" s="1">
        <v>44.6</v>
      </c>
      <c r="Q65" s="1">
        <v>6.8</v>
      </c>
      <c r="R65" s="1">
        <v>10.8</v>
      </c>
      <c r="S65" s="1">
        <v>0.7</v>
      </c>
      <c r="T65" s="1">
        <v>0.6</v>
      </c>
      <c r="U65" s="1">
        <v>6.1</v>
      </c>
      <c r="V65" s="1">
        <v>18.899999999999999</v>
      </c>
      <c r="W65" s="1">
        <v>18.8</v>
      </c>
      <c r="X65" s="1">
        <v>1.6</v>
      </c>
      <c r="Y65" s="1">
        <v>0.6</v>
      </c>
      <c r="Z65" s="1">
        <v>36.1</v>
      </c>
      <c r="AA65" s="1">
        <v>11.1</v>
      </c>
      <c r="AB65" s="1">
        <v>40.799999999999997</v>
      </c>
      <c r="AC65" s="1">
        <v>14.6</v>
      </c>
      <c r="AD65" s="1">
        <v>5.2</v>
      </c>
      <c r="AE65" s="1">
        <v>21</v>
      </c>
      <c r="AF65" s="1">
        <v>40.299999999999997</v>
      </c>
      <c r="AG65" s="1">
        <v>32.6</v>
      </c>
      <c r="AH65" s="1">
        <v>24.9</v>
      </c>
      <c r="AI65" s="1">
        <v>24.8</v>
      </c>
      <c r="AJ65" s="1">
        <v>20</v>
      </c>
      <c r="AK65" s="1">
        <v>9</v>
      </c>
      <c r="AL65" s="1">
        <v>0.4</v>
      </c>
      <c r="AM65" s="1"/>
      <c r="AN65" s="1">
        <v>484</v>
      </c>
      <c r="AO65" s="1">
        <v>34</v>
      </c>
      <c r="AP65" s="1">
        <v>275</v>
      </c>
      <c r="AQ65" s="1">
        <v>36</v>
      </c>
      <c r="AR65" s="1">
        <v>23</v>
      </c>
      <c r="AS65" s="1">
        <v>2</v>
      </c>
      <c r="AT65" s="1">
        <v>5</v>
      </c>
      <c r="AU65" s="1">
        <v>141</v>
      </c>
      <c r="AV65" s="1">
        <v>127</v>
      </c>
      <c r="AW65" s="1">
        <v>54</v>
      </c>
      <c r="AX65" s="1">
        <v>14</v>
      </c>
      <c r="AY65" s="1">
        <v>3</v>
      </c>
      <c r="AZ65" s="1">
        <v>8</v>
      </c>
      <c r="BA65" s="1">
        <v>8</v>
      </c>
      <c r="BB65" s="1"/>
      <c r="BC65" s="30">
        <v>0.27500000000000002</v>
      </c>
      <c r="BD65" s="30">
        <v>0.28263888888888888</v>
      </c>
      <c r="BE65" s="30">
        <v>0.78819444444444442</v>
      </c>
      <c r="BF65" s="30">
        <v>0.9506944444444444</v>
      </c>
      <c r="BG65" s="30">
        <v>0.34236111111111112</v>
      </c>
      <c r="BR65" s="1"/>
      <c r="BS65" s="1"/>
      <c r="BT65" s="1"/>
      <c r="BU65" s="1"/>
      <c r="BV65" s="1"/>
      <c r="BW65" s="1"/>
      <c r="BX65" s="1"/>
      <c r="BY65" s="1"/>
      <c r="BZ65" s="1"/>
      <c r="CA65" s="1"/>
      <c r="CB65" s="1"/>
      <c r="CC65" s="1"/>
      <c r="CD65" s="1"/>
      <c r="CE65" s="1"/>
      <c r="CF65" s="1"/>
      <c r="CG65" s="1"/>
      <c r="CH65" s="1"/>
      <c r="CI65" s="1"/>
      <c r="CJ65" s="1"/>
      <c r="CK65" s="1"/>
      <c r="CL65" s="1"/>
      <c r="CM65" s="1"/>
      <c r="CN65" s="1"/>
      <c r="CO65" s="1"/>
      <c r="CP65" s="1"/>
      <c r="CQ65" s="1"/>
      <c r="CR65" s="1"/>
      <c r="CS65" s="1"/>
      <c r="CT65" s="1"/>
      <c r="CU65" s="1"/>
      <c r="CV65" s="1"/>
      <c r="CW65" s="1"/>
      <c r="CX65" s="1"/>
      <c r="CY65" s="1"/>
      <c r="CZ65" s="1"/>
      <c r="DB65" s="1"/>
      <c r="DC65" s="1"/>
    </row>
    <row r="66" spans="2:107" x14ac:dyDescent="0.7">
      <c r="B66" s="1">
        <v>66.900000000000006</v>
      </c>
      <c r="C66" s="1">
        <v>11.2</v>
      </c>
      <c r="D66" s="1">
        <v>5.7</v>
      </c>
      <c r="E66" s="1">
        <v>6.5</v>
      </c>
      <c r="F66" s="1">
        <v>7.2</v>
      </c>
      <c r="G66" s="1">
        <v>13.7</v>
      </c>
      <c r="H66" s="1">
        <v>35.5</v>
      </c>
      <c r="I66" s="1">
        <v>1</v>
      </c>
      <c r="J66" s="1">
        <v>16</v>
      </c>
      <c r="K66" s="1">
        <v>11.3</v>
      </c>
      <c r="L66" s="1">
        <v>4.2</v>
      </c>
      <c r="M66" s="1">
        <v>28.4</v>
      </c>
      <c r="N66" s="1">
        <v>3</v>
      </c>
      <c r="O66" s="1">
        <v>4</v>
      </c>
      <c r="P66" s="1">
        <v>50.4</v>
      </c>
      <c r="Q66" s="1">
        <v>6.5</v>
      </c>
      <c r="R66" s="1">
        <v>12.6</v>
      </c>
      <c r="S66" s="1">
        <v>0.4</v>
      </c>
      <c r="T66" s="1">
        <v>0.3</v>
      </c>
      <c r="U66" s="1">
        <v>7</v>
      </c>
      <c r="V66" s="1">
        <v>18.5</v>
      </c>
      <c r="W66" s="1">
        <v>16.100000000000001</v>
      </c>
      <c r="X66" s="1">
        <v>1.8</v>
      </c>
      <c r="Y66" s="1">
        <v>0.7</v>
      </c>
      <c r="Z66" s="1">
        <v>41.6</v>
      </c>
      <c r="AA66" s="1">
        <v>13.7</v>
      </c>
      <c r="AB66" s="1">
        <v>47.8</v>
      </c>
      <c r="AC66" s="1">
        <v>12.9</v>
      </c>
      <c r="AD66" s="1">
        <v>4.8</v>
      </c>
      <c r="AE66" s="1">
        <v>21.9</v>
      </c>
      <c r="AF66" s="1">
        <v>43.1</v>
      </c>
      <c r="AG66" s="1">
        <v>33.4</v>
      </c>
      <c r="AH66" s="1">
        <v>28.2</v>
      </c>
      <c r="AI66" s="1">
        <v>28.1</v>
      </c>
      <c r="AJ66" s="1">
        <v>21</v>
      </c>
      <c r="AK66" s="1">
        <v>12.5</v>
      </c>
      <c r="AL66" s="1">
        <v>0.4</v>
      </c>
      <c r="AM66" s="1"/>
      <c r="AN66" s="1">
        <v>485</v>
      </c>
      <c r="AO66" s="1">
        <v>32</v>
      </c>
      <c r="AP66" s="1">
        <v>282</v>
      </c>
      <c r="AQ66" s="1">
        <v>41</v>
      </c>
      <c r="AR66" s="1">
        <v>17</v>
      </c>
      <c r="AS66" s="1">
        <v>1</v>
      </c>
      <c r="AT66" s="1">
        <v>3</v>
      </c>
      <c r="AU66" s="1">
        <v>138</v>
      </c>
      <c r="AV66" s="1">
        <v>122</v>
      </c>
      <c r="AW66" s="1">
        <v>59</v>
      </c>
      <c r="AX66" s="1">
        <v>17</v>
      </c>
      <c r="AY66" s="1">
        <v>3</v>
      </c>
      <c r="AZ66" s="1">
        <v>9</v>
      </c>
      <c r="BA66" s="1">
        <v>4</v>
      </c>
      <c r="BB66" s="1"/>
      <c r="BC66" s="30">
        <v>0.27777777777777779</v>
      </c>
      <c r="BD66" s="30">
        <v>0.2902777777777778</v>
      </c>
      <c r="BE66" s="30">
        <v>0.79027777777777775</v>
      </c>
      <c r="BF66" s="30">
        <v>0.95347222222222228</v>
      </c>
      <c r="BG66" s="30">
        <v>0.33055555555555555</v>
      </c>
      <c r="BR66" s="1"/>
      <c r="BS66" s="1"/>
      <c r="BT66" s="1"/>
      <c r="BU66" s="1"/>
      <c r="BV66" s="1"/>
      <c r="BW66" s="1"/>
      <c r="BX66" s="1"/>
      <c r="BY66" s="1"/>
      <c r="BZ66" s="1"/>
      <c r="CA66" s="1"/>
      <c r="CB66" s="1"/>
      <c r="CC66" s="1"/>
      <c r="CD66" s="1"/>
      <c r="CE66" s="1"/>
      <c r="CF66" s="1"/>
      <c r="CG66" s="1"/>
      <c r="CH66" s="1"/>
      <c r="CI66" s="1"/>
      <c r="CJ66" s="1"/>
      <c r="CK66" s="1"/>
      <c r="CL66" s="1"/>
      <c r="CM66" s="1"/>
      <c r="CN66" s="1"/>
      <c r="CO66" s="1"/>
      <c r="CP66" s="1"/>
      <c r="CQ66" s="1"/>
      <c r="CR66" s="1"/>
      <c r="CS66" s="1"/>
      <c r="CT66" s="1"/>
      <c r="CU66" s="1"/>
      <c r="CV66" s="1"/>
      <c r="CW66" s="1"/>
      <c r="CX66" s="1"/>
      <c r="CY66" s="1"/>
      <c r="CZ66" s="1"/>
      <c r="DB66" s="1"/>
      <c r="DC66" s="1"/>
    </row>
    <row r="67" spans="2:107" x14ac:dyDescent="0.7">
      <c r="B67" s="1">
        <v>65.3</v>
      </c>
      <c r="C67" s="1">
        <v>11.3</v>
      </c>
      <c r="D67" s="1">
        <v>4.4000000000000004</v>
      </c>
      <c r="E67" s="1">
        <v>7.8</v>
      </c>
      <c r="F67" s="1">
        <v>8.5</v>
      </c>
      <c r="G67" s="1">
        <v>12.9</v>
      </c>
      <c r="H67" s="1">
        <v>35.1</v>
      </c>
      <c r="I67" s="1">
        <v>1.4</v>
      </c>
      <c r="J67" s="1">
        <v>16</v>
      </c>
      <c r="K67" s="1">
        <v>11</v>
      </c>
      <c r="L67" s="1">
        <v>3.9</v>
      </c>
      <c r="M67" s="1">
        <v>30.6</v>
      </c>
      <c r="N67" s="1">
        <v>3.6</v>
      </c>
      <c r="O67" s="1">
        <v>4</v>
      </c>
      <c r="P67" s="1">
        <v>47.5</v>
      </c>
      <c r="Q67" s="1">
        <v>6.6</v>
      </c>
      <c r="R67" s="1">
        <v>12.5</v>
      </c>
      <c r="S67" s="1">
        <v>1</v>
      </c>
      <c r="T67" s="1">
        <v>0.4</v>
      </c>
      <c r="U67" s="1">
        <v>8.6</v>
      </c>
      <c r="V67" s="1">
        <v>20.2</v>
      </c>
      <c r="W67" s="1">
        <v>18.600000000000001</v>
      </c>
      <c r="X67" s="1">
        <v>2.4</v>
      </c>
      <c r="Y67" s="1">
        <v>1.7</v>
      </c>
      <c r="Z67" s="1">
        <v>38.700000000000003</v>
      </c>
      <c r="AA67" s="1">
        <v>13.7</v>
      </c>
      <c r="AB67" s="1">
        <v>44.7</v>
      </c>
      <c r="AC67" s="1">
        <v>12.9</v>
      </c>
      <c r="AD67" s="1">
        <v>6</v>
      </c>
      <c r="AE67" s="1">
        <v>24.9</v>
      </c>
      <c r="AF67" s="1">
        <v>43.5</v>
      </c>
      <c r="AG67" s="1">
        <v>36.799999999999997</v>
      </c>
      <c r="AH67" s="1">
        <v>23.2</v>
      </c>
      <c r="AI67" s="1">
        <v>23.2</v>
      </c>
      <c r="AJ67" s="1">
        <v>17.600000000000001</v>
      </c>
      <c r="AK67" s="1">
        <v>8.4</v>
      </c>
      <c r="AL67" s="1">
        <v>0.1</v>
      </c>
      <c r="AM67" s="1"/>
      <c r="AN67" s="1">
        <v>490</v>
      </c>
      <c r="AO67" s="1">
        <v>29</v>
      </c>
      <c r="AP67" s="1">
        <v>271</v>
      </c>
      <c r="AQ67" s="1">
        <v>40</v>
      </c>
      <c r="AR67" s="1">
        <v>28</v>
      </c>
      <c r="AS67" s="1">
        <v>2</v>
      </c>
      <c r="AT67" s="1">
        <v>8</v>
      </c>
      <c r="AU67" s="1">
        <v>133</v>
      </c>
      <c r="AV67" s="1">
        <v>120</v>
      </c>
      <c r="AW67" s="1">
        <v>52</v>
      </c>
      <c r="AX67" s="1">
        <v>15</v>
      </c>
      <c r="AY67" s="1">
        <v>3</v>
      </c>
      <c r="AZ67" s="1">
        <v>9</v>
      </c>
      <c r="BA67" s="1">
        <v>5</v>
      </c>
      <c r="BB67" s="1"/>
      <c r="BC67" s="30">
        <v>0.27638888888888891</v>
      </c>
      <c r="BD67" s="30">
        <v>0.29097222222222224</v>
      </c>
      <c r="BE67" s="30">
        <v>0.78680555555555554</v>
      </c>
      <c r="BF67" s="30">
        <v>0.95486111111111116</v>
      </c>
      <c r="BG67" s="30">
        <v>0.33750000000000002</v>
      </c>
      <c r="BR67" s="1"/>
      <c r="BS67" s="1"/>
      <c r="BT67" s="1"/>
      <c r="BU67" s="1"/>
      <c r="BV67" s="1"/>
      <c r="BW67" s="1"/>
      <c r="BX67" s="1"/>
      <c r="BY67" s="1"/>
      <c r="BZ67" s="1"/>
      <c r="CA67" s="1"/>
      <c r="CB67" s="1"/>
      <c r="CC67" s="1"/>
      <c r="CD67" s="1"/>
      <c r="CE67" s="1"/>
      <c r="CF67" s="1"/>
      <c r="CG67" s="1"/>
      <c r="CH67" s="1"/>
      <c r="CI67" s="1"/>
      <c r="CJ67" s="1"/>
      <c r="CK67" s="1"/>
      <c r="CL67" s="1"/>
      <c r="CM67" s="1"/>
      <c r="CN67" s="1"/>
      <c r="CO67" s="1"/>
      <c r="CP67" s="1"/>
      <c r="CQ67" s="1"/>
      <c r="CR67" s="1"/>
      <c r="CS67" s="1"/>
      <c r="CT67" s="1"/>
      <c r="CU67" s="1"/>
      <c r="CV67" s="1"/>
      <c r="CW67" s="1"/>
      <c r="CX67" s="1"/>
      <c r="CY67" s="1"/>
      <c r="CZ67" s="1"/>
      <c r="DB67" s="1"/>
      <c r="DC67" s="1"/>
    </row>
    <row r="68" spans="2:107" x14ac:dyDescent="0.7">
      <c r="B68" s="1">
        <v>65.5</v>
      </c>
      <c r="C68" s="1">
        <v>8.8000000000000007</v>
      </c>
      <c r="D68" s="1">
        <v>5</v>
      </c>
      <c r="E68" s="1">
        <v>9.4</v>
      </c>
      <c r="F68" s="1">
        <v>8.3000000000000007</v>
      </c>
      <c r="G68" s="1">
        <v>13.1</v>
      </c>
      <c r="H68" s="1">
        <v>34.700000000000003</v>
      </c>
      <c r="I68" s="1">
        <v>1.3</v>
      </c>
      <c r="J68" s="1">
        <v>18.7</v>
      </c>
      <c r="K68" s="1">
        <v>10.4</v>
      </c>
      <c r="L68" s="1">
        <v>4.0999999999999996</v>
      </c>
      <c r="M68" s="1">
        <v>23.7</v>
      </c>
      <c r="N68" s="1">
        <v>3.1</v>
      </c>
      <c r="O68" s="1">
        <v>4</v>
      </c>
      <c r="P68" s="1">
        <v>47.5</v>
      </c>
      <c r="Q68" s="1">
        <v>7.4</v>
      </c>
      <c r="R68" s="1">
        <v>12.3</v>
      </c>
      <c r="S68" s="1">
        <v>0.9</v>
      </c>
      <c r="T68" s="1">
        <v>1.2</v>
      </c>
      <c r="U68" s="1">
        <v>9.5</v>
      </c>
      <c r="V68" s="1">
        <v>24.2</v>
      </c>
      <c r="W68" s="1">
        <v>18.8</v>
      </c>
      <c r="X68" s="1">
        <v>2.5</v>
      </c>
      <c r="Y68" s="1">
        <v>1.1000000000000001</v>
      </c>
      <c r="Z68" s="1">
        <v>35.299999999999997</v>
      </c>
      <c r="AA68" s="1">
        <v>9.8000000000000007</v>
      </c>
      <c r="AB68" s="1">
        <v>42.2</v>
      </c>
      <c r="AC68" s="1">
        <v>13.2</v>
      </c>
      <c r="AD68" s="1">
        <v>7.2</v>
      </c>
      <c r="AE68" s="1">
        <v>23.6</v>
      </c>
      <c r="AF68" s="1">
        <v>45.8</v>
      </c>
      <c r="AG68" s="1">
        <v>38.6</v>
      </c>
      <c r="AH68" s="1">
        <v>27.2</v>
      </c>
      <c r="AI68" s="1">
        <v>27</v>
      </c>
      <c r="AJ68" s="1">
        <v>22.2</v>
      </c>
      <c r="AK68" s="1">
        <v>11</v>
      </c>
      <c r="AL68" s="1">
        <v>0.2</v>
      </c>
      <c r="AM68" s="1"/>
      <c r="AN68" s="1">
        <v>483</v>
      </c>
      <c r="AO68" s="1">
        <v>31</v>
      </c>
      <c r="AP68" s="1">
        <v>276</v>
      </c>
      <c r="AQ68" s="1">
        <v>42</v>
      </c>
      <c r="AR68" s="1">
        <v>28</v>
      </c>
      <c r="AS68" s="1">
        <v>1</v>
      </c>
      <c r="AT68" s="1">
        <v>5</v>
      </c>
      <c r="AU68" s="1">
        <v>121</v>
      </c>
      <c r="AV68" s="1">
        <v>124</v>
      </c>
      <c r="AW68" s="1">
        <v>50</v>
      </c>
      <c r="AX68" s="1">
        <v>14</v>
      </c>
      <c r="AY68" s="1">
        <v>2</v>
      </c>
      <c r="AZ68" s="1">
        <v>10</v>
      </c>
      <c r="BA68" s="1">
        <v>8</v>
      </c>
      <c r="BB68" s="1"/>
      <c r="BC68" s="30">
        <v>0.27083333333333331</v>
      </c>
      <c r="BD68" s="30">
        <v>0.29097222222222224</v>
      </c>
      <c r="BE68" s="30">
        <v>0.79027777777777775</v>
      </c>
      <c r="BF68" s="30">
        <v>0.94861111111111107</v>
      </c>
      <c r="BG68" s="30">
        <v>0.34097222222222223</v>
      </c>
      <c r="BR68" s="1"/>
      <c r="BS68" s="1"/>
      <c r="BT68" s="1"/>
      <c r="BU68" s="1"/>
      <c r="BV68" s="1"/>
      <c r="BW68" s="1"/>
      <c r="BX68" s="1"/>
      <c r="BY68" s="1"/>
      <c r="BZ68" s="1"/>
      <c r="CA68" s="1"/>
      <c r="CB68" s="1"/>
      <c r="CC68" s="1"/>
      <c r="CD68" s="1"/>
      <c r="CE68" s="1"/>
      <c r="CF68" s="1"/>
      <c r="CG68" s="1"/>
      <c r="CH68" s="1"/>
      <c r="CI68" s="1"/>
      <c r="CJ68" s="1"/>
      <c r="CK68" s="1"/>
      <c r="CL68" s="1"/>
      <c r="CM68" s="1"/>
      <c r="CN68" s="1"/>
      <c r="CO68" s="1"/>
      <c r="CP68" s="1"/>
      <c r="CQ68" s="1"/>
      <c r="CR68" s="1"/>
      <c r="CS68" s="1"/>
      <c r="CT68" s="1"/>
      <c r="CU68" s="1"/>
      <c r="CV68" s="1"/>
      <c r="CW68" s="1"/>
      <c r="CX68" s="1"/>
      <c r="CY68" s="1"/>
      <c r="CZ68" s="1"/>
      <c r="DB68" s="1"/>
      <c r="DC68" s="1"/>
    </row>
    <row r="69" spans="2:107" x14ac:dyDescent="0.7">
      <c r="B69" s="1">
        <v>66.400000000000006</v>
      </c>
      <c r="C69" s="1">
        <v>10.8</v>
      </c>
      <c r="D69" s="1">
        <v>10.7</v>
      </c>
      <c r="E69" s="1">
        <v>10</v>
      </c>
      <c r="F69" s="1">
        <v>8.6</v>
      </c>
      <c r="G69" s="1">
        <v>11.9</v>
      </c>
      <c r="H69" s="1">
        <v>35.700000000000003</v>
      </c>
      <c r="I69" s="1">
        <v>1.4</v>
      </c>
      <c r="J69" s="1">
        <v>17.899999999999999</v>
      </c>
      <c r="K69" s="1">
        <v>10.199999999999999</v>
      </c>
      <c r="L69" s="1">
        <v>4.5999999999999996</v>
      </c>
      <c r="M69" s="1">
        <v>25.4</v>
      </c>
      <c r="N69" s="1">
        <v>2.6</v>
      </c>
      <c r="O69" s="1">
        <v>3.7</v>
      </c>
      <c r="P69" s="1">
        <v>48.9</v>
      </c>
      <c r="Q69" s="1">
        <v>7.4</v>
      </c>
      <c r="R69" s="1">
        <v>13.3</v>
      </c>
      <c r="S69" s="1">
        <v>0.7</v>
      </c>
      <c r="T69" s="1">
        <v>1</v>
      </c>
      <c r="U69" s="1">
        <v>8.6</v>
      </c>
      <c r="V69" s="1">
        <v>26.5</v>
      </c>
      <c r="W69" s="1">
        <v>20.6</v>
      </c>
      <c r="X69" s="1">
        <v>2.2000000000000002</v>
      </c>
      <c r="Y69" s="1">
        <v>1</v>
      </c>
      <c r="Z69" s="1">
        <v>38.700000000000003</v>
      </c>
      <c r="AA69" s="1">
        <v>9.5</v>
      </c>
      <c r="AB69" s="1">
        <v>40.9</v>
      </c>
      <c r="AC69" s="1">
        <v>12.2</v>
      </c>
      <c r="AD69" s="1">
        <v>7</v>
      </c>
      <c r="AE69" s="1">
        <v>24.2</v>
      </c>
      <c r="AF69" s="1">
        <v>44.5</v>
      </c>
      <c r="AG69" s="1">
        <v>36.299999999999997</v>
      </c>
      <c r="AH69" s="1">
        <v>27.4</v>
      </c>
      <c r="AI69" s="1">
        <v>27.4</v>
      </c>
      <c r="AJ69" s="1">
        <v>21.9</v>
      </c>
      <c r="AK69" s="1">
        <v>10.4</v>
      </c>
      <c r="AL69" s="1">
        <v>0.4</v>
      </c>
      <c r="AM69" s="1"/>
      <c r="AN69" s="1">
        <v>485</v>
      </c>
      <c r="AO69" s="1">
        <v>32</v>
      </c>
      <c r="AP69" s="1">
        <v>272</v>
      </c>
      <c r="AQ69" s="1">
        <v>41</v>
      </c>
      <c r="AR69" s="1">
        <v>29</v>
      </c>
      <c r="AS69" s="1">
        <v>3</v>
      </c>
      <c r="AT69" s="1">
        <v>6</v>
      </c>
      <c r="AU69" s="1">
        <v>126</v>
      </c>
      <c r="AV69" s="1">
        <v>116</v>
      </c>
      <c r="AW69" s="1">
        <v>54</v>
      </c>
      <c r="AX69" s="1">
        <v>16</v>
      </c>
      <c r="AY69" s="1">
        <v>3</v>
      </c>
      <c r="AZ69" s="1">
        <v>6</v>
      </c>
      <c r="BA69" s="1">
        <v>9</v>
      </c>
      <c r="BB69" s="1"/>
      <c r="BC69" s="30">
        <v>0.2722222222222222</v>
      </c>
      <c r="BD69" s="30">
        <v>0.28819444444444442</v>
      </c>
      <c r="BE69" s="30">
        <v>0.79166666666666663</v>
      </c>
      <c r="BF69" s="30">
        <v>0.94791666666666663</v>
      </c>
      <c r="BG69" s="30">
        <v>0.32430555555555557</v>
      </c>
      <c r="BR69" s="1"/>
      <c r="BS69" s="1"/>
      <c r="BT69" s="1"/>
      <c r="BU69" s="1"/>
      <c r="BV69" s="1"/>
      <c r="BW69" s="1"/>
      <c r="BX69" s="1"/>
      <c r="BY69" s="1"/>
      <c r="BZ69" s="1"/>
      <c r="CA69" s="1"/>
      <c r="CB69" s="1"/>
      <c r="CC69" s="1"/>
      <c r="CD69" s="1"/>
      <c r="CE69" s="1"/>
      <c r="CF69" s="1"/>
      <c r="CG69" s="1"/>
      <c r="CH69" s="1"/>
      <c r="CI69" s="1"/>
      <c r="CJ69" s="1"/>
      <c r="CK69" s="1"/>
      <c r="CL69" s="1"/>
      <c r="CM69" s="1"/>
      <c r="CN69" s="1"/>
      <c r="CO69" s="1"/>
      <c r="CP69" s="1"/>
      <c r="CQ69" s="1"/>
      <c r="CR69" s="1"/>
      <c r="CS69" s="1"/>
      <c r="CT69" s="1"/>
      <c r="CU69" s="1"/>
      <c r="CV69" s="1"/>
      <c r="CW69" s="1"/>
      <c r="CX69" s="1"/>
      <c r="CY69" s="1"/>
      <c r="CZ69" s="1"/>
      <c r="DB69" s="1"/>
      <c r="DC69" s="1"/>
    </row>
    <row r="70" spans="2:107" x14ac:dyDescent="0.7">
      <c r="B70" s="1">
        <v>66.400000000000006</v>
      </c>
      <c r="C70" s="1">
        <v>12.9</v>
      </c>
      <c r="D70" s="1">
        <v>4.5999999999999996</v>
      </c>
      <c r="E70" s="1">
        <v>8.6999999999999993</v>
      </c>
      <c r="F70" s="1">
        <v>8.3000000000000007</v>
      </c>
      <c r="G70" s="1">
        <v>10</v>
      </c>
      <c r="H70" s="1">
        <v>35.9</v>
      </c>
      <c r="I70" s="1">
        <v>1.4</v>
      </c>
      <c r="J70" s="1">
        <v>13.7</v>
      </c>
      <c r="K70" s="1">
        <v>8.1</v>
      </c>
      <c r="L70" s="1">
        <v>3.6</v>
      </c>
      <c r="M70" s="1">
        <v>24.7</v>
      </c>
      <c r="N70" s="1">
        <v>2.2999999999999998</v>
      </c>
      <c r="O70" s="1">
        <v>2.4</v>
      </c>
      <c r="P70" s="1">
        <v>47.7</v>
      </c>
      <c r="Q70" s="1">
        <v>6.2</v>
      </c>
      <c r="R70" s="1">
        <v>10.3</v>
      </c>
      <c r="S70" s="1">
        <v>0.4</v>
      </c>
      <c r="T70" s="1">
        <v>0.5</v>
      </c>
      <c r="U70" s="1">
        <v>7</v>
      </c>
      <c r="V70" s="1">
        <v>22.4</v>
      </c>
      <c r="W70" s="1">
        <v>20.9</v>
      </c>
      <c r="X70" s="1">
        <v>2</v>
      </c>
      <c r="Y70" s="1">
        <v>1.1000000000000001</v>
      </c>
      <c r="Z70" s="1">
        <v>36.5</v>
      </c>
      <c r="AA70" s="1">
        <v>12.8</v>
      </c>
      <c r="AB70" s="1">
        <v>44.9</v>
      </c>
      <c r="AC70" s="1">
        <v>13.8</v>
      </c>
      <c r="AD70" s="1">
        <v>7.1</v>
      </c>
      <c r="AE70" s="1">
        <v>23.4</v>
      </c>
      <c r="AF70" s="1">
        <v>47.4</v>
      </c>
      <c r="AG70" s="1">
        <v>41.3</v>
      </c>
      <c r="AH70" s="1">
        <v>26.3</v>
      </c>
      <c r="AI70" s="1">
        <v>25.9</v>
      </c>
      <c r="AJ70" s="1">
        <v>21.7</v>
      </c>
      <c r="AK70" s="1">
        <v>9.1</v>
      </c>
      <c r="AL70" s="1">
        <v>0.4</v>
      </c>
      <c r="AM70" s="1"/>
      <c r="AN70" s="1">
        <v>483</v>
      </c>
      <c r="AO70" s="1">
        <v>35</v>
      </c>
      <c r="AP70" s="1">
        <v>261</v>
      </c>
      <c r="AQ70" s="1">
        <v>42</v>
      </c>
      <c r="AR70" s="1">
        <v>25</v>
      </c>
      <c r="AS70" s="1">
        <v>2</v>
      </c>
      <c r="AT70" s="1">
        <v>5</v>
      </c>
      <c r="AU70" s="1">
        <v>136</v>
      </c>
      <c r="AV70" s="1">
        <v>122</v>
      </c>
      <c r="AW70" s="1">
        <v>64</v>
      </c>
      <c r="AX70" s="1">
        <v>17</v>
      </c>
      <c r="AY70" s="1">
        <v>3</v>
      </c>
      <c r="AZ70" s="1">
        <v>10</v>
      </c>
      <c r="BA70" s="1">
        <v>6</v>
      </c>
      <c r="BB70" s="1"/>
      <c r="BC70" s="30">
        <v>0.27430555555555558</v>
      </c>
      <c r="BD70" s="30">
        <v>0.29236111111111113</v>
      </c>
      <c r="BE70" s="30">
        <v>0.78888888888888886</v>
      </c>
      <c r="BF70" s="30">
        <v>0.95416666666666672</v>
      </c>
      <c r="BG70" s="30">
        <v>0.32708333333333334</v>
      </c>
      <c r="BR70" s="1"/>
      <c r="BS70" s="1"/>
      <c r="BT70" s="1"/>
      <c r="BU70" s="1"/>
      <c r="BV70" s="1"/>
      <c r="BW70" s="1"/>
      <c r="BX70" s="1"/>
      <c r="BY70" s="1"/>
      <c r="BZ70" s="1"/>
      <c r="CA70" s="1"/>
      <c r="CB70" s="1"/>
      <c r="CC70" s="1"/>
      <c r="CD70" s="1"/>
      <c r="CE70" s="1"/>
      <c r="CF70" s="1"/>
      <c r="CG70" s="1"/>
      <c r="CH70" s="1"/>
      <c r="CI70" s="1"/>
      <c r="CJ70" s="1"/>
      <c r="CK70" s="1"/>
      <c r="CL70" s="1"/>
      <c r="CM70" s="1"/>
      <c r="CN70" s="1"/>
      <c r="CO70" s="1"/>
      <c r="CP70" s="1"/>
      <c r="CQ70" s="1"/>
      <c r="CR70" s="1"/>
      <c r="CS70" s="1"/>
      <c r="CT70" s="1"/>
      <c r="CU70" s="1"/>
      <c r="CV70" s="1"/>
      <c r="CW70" s="1"/>
      <c r="CX70" s="1"/>
      <c r="CY70" s="1"/>
      <c r="CZ70" s="1"/>
      <c r="DB70" s="1"/>
      <c r="DC70" s="1"/>
    </row>
    <row r="71" spans="2:107" x14ac:dyDescent="0.7">
      <c r="B71" s="1">
        <v>69.599999999999994</v>
      </c>
      <c r="C71" s="1">
        <v>12.6</v>
      </c>
      <c r="D71" s="1">
        <v>2.1</v>
      </c>
      <c r="E71" s="1">
        <v>7.7</v>
      </c>
      <c r="F71" s="1">
        <v>8.3000000000000007</v>
      </c>
      <c r="G71" s="1">
        <v>13.5</v>
      </c>
      <c r="H71" s="1">
        <v>40.5</v>
      </c>
      <c r="I71" s="1">
        <v>1.5</v>
      </c>
      <c r="J71" s="1">
        <v>16.2</v>
      </c>
      <c r="K71" s="1">
        <v>8.5</v>
      </c>
      <c r="L71" s="1">
        <v>3.5</v>
      </c>
      <c r="M71" s="1">
        <v>26.6</v>
      </c>
      <c r="N71" s="1">
        <v>3</v>
      </c>
      <c r="O71" s="1">
        <v>3.2</v>
      </c>
      <c r="P71" s="1">
        <v>49.7</v>
      </c>
      <c r="Q71" s="1">
        <v>8.3000000000000007</v>
      </c>
      <c r="R71" s="1">
        <v>12.3</v>
      </c>
      <c r="S71" s="1">
        <v>0.9</v>
      </c>
      <c r="T71" s="1">
        <v>0.8</v>
      </c>
      <c r="U71" s="1">
        <v>9.1999999999999993</v>
      </c>
      <c r="V71" s="1">
        <v>22.1</v>
      </c>
      <c r="W71" s="1">
        <v>17</v>
      </c>
      <c r="X71" s="1">
        <v>2.6</v>
      </c>
      <c r="Y71" s="1">
        <v>1.5</v>
      </c>
      <c r="Z71" s="1">
        <v>39.799999999999997</v>
      </c>
      <c r="AA71" s="1">
        <v>10.7</v>
      </c>
      <c r="AB71" s="1">
        <v>47.2</v>
      </c>
      <c r="AC71" s="1">
        <v>15.2</v>
      </c>
      <c r="AD71" s="1">
        <v>7</v>
      </c>
      <c r="AE71" s="1">
        <v>21</v>
      </c>
      <c r="AF71" s="1">
        <v>41</v>
      </c>
      <c r="AG71" s="1">
        <v>36.6</v>
      </c>
      <c r="AH71" s="1">
        <v>23.5</v>
      </c>
      <c r="AI71" s="1">
        <v>23.4</v>
      </c>
      <c r="AJ71" s="1">
        <v>18.899999999999999</v>
      </c>
      <c r="AK71" s="1">
        <v>9</v>
      </c>
      <c r="AL71" s="1">
        <v>0.3</v>
      </c>
      <c r="AM71" s="1"/>
      <c r="AN71" s="1">
        <v>476</v>
      </c>
      <c r="AO71" s="1">
        <v>34</v>
      </c>
      <c r="AP71" s="1">
        <v>265</v>
      </c>
      <c r="AQ71" s="1">
        <v>37</v>
      </c>
      <c r="AR71" s="1">
        <v>26</v>
      </c>
      <c r="AS71" s="1">
        <v>3</v>
      </c>
      <c r="AT71" s="1">
        <v>5</v>
      </c>
      <c r="AU71" s="1">
        <v>147</v>
      </c>
      <c r="AV71" s="1">
        <v>123</v>
      </c>
      <c r="AW71" s="1">
        <v>60</v>
      </c>
      <c r="AX71" s="1">
        <v>16</v>
      </c>
      <c r="AY71" s="1">
        <v>3</v>
      </c>
      <c r="AZ71" s="1">
        <v>7</v>
      </c>
      <c r="BA71" s="1">
        <v>6</v>
      </c>
      <c r="BB71" s="1"/>
      <c r="BC71" s="30">
        <v>0.2722222222222222</v>
      </c>
      <c r="BD71" s="30">
        <v>0.28680555555555554</v>
      </c>
      <c r="BE71" s="30">
        <v>0.78333333333333333</v>
      </c>
      <c r="BF71" s="30">
        <v>0.95347222222222228</v>
      </c>
      <c r="BG71" s="30">
        <v>0.32500000000000001</v>
      </c>
      <c r="BR71" s="1"/>
      <c r="BS71" s="1"/>
      <c r="BT71" s="1"/>
      <c r="BU71" s="1"/>
      <c r="BV71" s="1"/>
      <c r="BW71" s="1"/>
      <c r="BX71" s="1"/>
      <c r="BY71" s="1"/>
      <c r="BZ71" s="1"/>
      <c r="CA71" s="1"/>
      <c r="CB71" s="1"/>
      <c r="CC71" s="1"/>
      <c r="CD71" s="1"/>
      <c r="CE71" s="1"/>
      <c r="CF71" s="1"/>
      <c r="CG71" s="1"/>
      <c r="CH71" s="1"/>
      <c r="CI71" s="1"/>
      <c r="CJ71" s="1"/>
      <c r="CK71" s="1"/>
      <c r="CL71" s="1"/>
      <c r="CM71" s="1"/>
      <c r="CN71" s="1"/>
      <c r="CO71" s="1"/>
      <c r="CP71" s="1"/>
      <c r="CQ71" s="1"/>
      <c r="CR71" s="1"/>
      <c r="CS71" s="1"/>
      <c r="CT71" s="1"/>
      <c r="CU71" s="1"/>
      <c r="CV71" s="1"/>
      <c r="CW71" s="1"/>
      <c r="CX71" s="1"/>
      <c r="CY71" s="1"/>
      <c r="CZ71" s="1"/>
      <c r="DB71" s="1"/>
      <c r="DC71" s="1"/>
    </row>
    <row r="72" spans="2:107" x14ac:dyDescent="0.7">
      <c r="B72" s="1">
        <v>72.3</v>
      </c>
      <c r="C72" s="1">
        <v>14.6</v>
      </c>
      <c r="D72" s="1">
        <v>5.8</v>
      </c>
      <c r="E72" s="1">
        <v>8.1999999999999993</v>
      </c>
      <c r="F72" s="1">
        <v>10.5</v>
      </c>
      <c r="G72" s="1">
        <v>15.5</v>
      </c>
      <c r="H72" s="1">
        <v>40.700000000000003</v>
      </c>
      <c r="I72" s="1">
        <v>1.8</v>
      </c>
      <c r="J72" s="1">
        <v>20.399999999999999</v>
      </c>
      <c r="K72" s="1">
        <v>10.3</v>
      </c>
      <c r="L72" s="1">
        <v>4.3</v>
      </c>
      <c r="M72" s="1">
        <v>33.1</v>
      </c>
      <c r="N72" s="1">
        <v>2.9</v>
      </c>
      <c r="O72" s="1">
        <v>4.2</v>
      </c>
      <c r="P72" s="1">
        <v>56.6</v>
      </c>
      <c r="Q72" s="1">
        <v>8.8000000000000007</v>
      </c>
      <c r="R72" s="1">
        <v>14.3</v>
      </c>
      <c r="S72" s="1">
        <v>1</v>
      </c>
      <c r="T72" s="1">
        <v>0.8</v>
      </c>
      <c r="U72" s="1">
        <v>10.1</v>
      </c>
      <c r="V72" s="1">
        <v>20.100000000000001</v>
      </c>
      <c r="W72" s="1">
        <v>16.399999999999999</v>
      </c>
      <c r="X72" s="1">
        <v>2.2999999999999998</v>
      </c>
      <c r="Y72" s="1">
        <v>1.5</v>
      </c>
      <c r="Z72" s="1">
        <v>44.6</v>
      </c>
      <c r="AA72" s="1">
        <v>13</v>
      </c>
      <c r="AB72" s="1">
        <v>52.7</v>
      </c>
      <c r="AC72" s="1">
        <v>24.2</v>
      </c>
      <c r="AD72" s="1">
        <v>10.4</v>
      </c>
      <c r="AE72" s="1">
        <v>16.3</v>
      </c>
      <c r="AF72" s="1">
        <v>57.4</v>
      </c>
      <c r="AG72" s="1">
        <v>46.4</v>
      </c>
      <c r="AH72" s="1">
        <v>39.9</v>
      </c>
      <c r="AI72" s="1">
        <v>39.799999999999997</v>
      </c>
      <c r="AJ72" s="1">
        <v>30.5</v>
      </c>
      <c r="AK72" s="1">
        <v>18.2</v>
      </c>
      <c r="AL72" s="1">
        <v>0.4</v>
      </c>
      <c r="AM72" s="1"/>
      <c r="AN72" s="1">
        <v>476</v>
      </c>
      <c r="AO72" s="1">
        <v>40</v>
      </c>
      <c r="AP72" s="1">
        <v>286</v>
      </c>
      <c r="AQ72" s="1">
        <v>39</v>
      </c>
      <c r="AR72" s="1">
        <v>22</v>
      </c>
      <c r="AS72" s="1">
        <v>2</v>
      </c>
      <c r="AT72" s="1">
        <v>7</v>
      </c>
      <c r="AU72" s="1">
        <v>126</v>
      </c>
      <c r="AV72" s="1">
        <v>117</v>
      </c>
      <c r="AW72" s="1">
        <v>59</v>
      </c>
      <c r="AX72" s="1">
        <v>16</v>
      </c>
      <c r="AY72" s="1">
        <v>2</v>
      </c>
      <c r="AZ72" s="1">
        <v>10</v>
      </c>
      <c r="BA72" s="1">
        <v>5</v>
      </c>
      <c r="BB72" s="1"/>
      <c r="BC72" s="30">
        <v>0.28125</v>
      </c>
      <c r="BD72" s="30">
        <v>0.28958333333333336</v>
      </c>
      <c r="BE72" s="30">
        <v>0.79652777777777772</v>
      </c>
      <c r="BF72" s="30">
        <v>0.96597222222222223</v>
      </c>
      <c r="BG72" s="30">
        <v>0.33750000000000002</v>
      </c>
      <c r="BR72" s="1"/>
      <c r="BS72" s="1"/>
      <c r="BT72" s="1"/>
      <c r="BU72" s="1"/>
      <c r="BV72" s="1"/>
      <c r="BW72" s="1"/>
      <c r="BX72" s="1"/>
      <c r="BY72" s="1"/>
      <c r="BZ72" s="1"/>
      <c r="CA72" s="1"/>
      <c r="CB72" s="1"/>
      <c r="CC72" s="1"/>
      <c r="CD72" s="1"/>
      <c r="CE72" s="1"/>
      <c r="CF72" s="1"/>
      <c r="CG72" s="1"/>
      <c r="CH72" s="1"/>
      <c r="CI72" s="1"/>
      <c r="CJ72" s="1"/>
      <c r="CK72" s="1"/>
      <c r="CL72" s="1"/>
      <c r="CM72" s="1"/>
      <c r="CN72" s="1"/>
      <c r="CO72" s="1"/>
      <c r="CP72" s="1"/>
      <c r="CQ72" s="1"/>
      <c r="CR72" s="1"/>
      <c r="CS72" s="1"/>
      <c r="CT72" s="1"/>
      <c r="CU72" s="1"/>
      <c r="CV72" s="1"/>
      <c r="CW72" s="1"/>
      <c r="CX72" s="1"/>
      <c r="CY72" s="1"/>
      <c r="CZ72" s="1"/>
      <c r="DB72" s="1"/>
      <c r="DC72" s="1"/>
    </row>
    <row r="73" spans="2:107" x14ac:dyDescent="0.7">
      <c r="B73" s="1">
        <v>68.400000000000006</v>
      </c>
      <c r="C73" s="1">
        <v>15.7</v>
      </c>
      <c r="D73" s="1">
        <v>3.2</v>
      </c>
      <c r="E73" s="1">
        <v>7.5</v>
      </c>
      <c r="F73" s="1">
        <v>8.6999999999999993</v>
      </c>
      <c r="G73" s="1">
        <v>13.4</v>
      </c>
      <c r="H73" s="1">
        <v>38.299999999999997</v>
      </c>
      <c r="I73" s="1">
        <v>0.9</v>
      </c>
      <c r="J73" s="1">
        <v>15.2</v>
      </c>
      <c r="K73" s="1">
        <v>7.3</v>
      </c>
      <c r="L73" s="1">
        <v>4.3</v>
      </c>
      <c r="M73" s="1">
        <v>27.9</v>
      </c>
      <c r="N73" s="1">
        <v>2</v>
      </c>
      <c r="O73" s="1">
        <v>4</v>
      </c>
      <c r="P73" s="1">
        <v>48.6</v>
      </c>
      <c r="Q73" s="1">
        <v>6.8</v>
      </c>
      <c r="R73" s="1">
        <v>13.1</v>
      </c>
      <c r="S73" s="1">
        <v>0.5</v>
      </c>
      <c r="T73" s="1">
        <v>0.3</v>
      </c>
      <c r="U73" s="1">
        <v>7.6</v>
      </c>
      <c r="V73" s="1">
        <v>21.9</v>
      </c>
      <c r="W73" s="1">
        <v>19.899999999999999</v>
      </c>
      <c r="X73" s="1">
        <v>2.4</v>
      </c>
      <c r="Y73" s="1">
        <v>1.4</v>
      </c>
      <c r="Z73" s="1">
        <v>36.9</v>
      </c>
      <c r="AA73" s="1">
        <v>13.7</v>
      </c>
      <c r="AB73" s="1">
        <v>44.6</v>
      </c>
      <c r="AC73" s="1">
        <v>14.5</v>
      </c>
      <c r="AD73" s="1">
        <v>6.4</v>
      </c>
      <c r="AE73" s="1">
        <v>20.7</v>
      </c>
      <c r="AF73" s="1">
        <v>46.5</v>
      </c>
      <c r="AG73" s="1">
        <v>39.299999999999997</v>
      </c>
      <c r="AH73" s="1">
        <v>28.4</v>
      </c>
      <c r="AI73" s="1">
        <v>28.3</v>
      </c>
      <c r="AJ73" s="1">
        <v>21.8</v>
      </c>
      <c r="AK73" s="1">
        <v>13.4</v>
      </c>
      <c r="AL73" s="1">
        <v>0.3</v>
      </c>
      <c r="AM73" s="1"/>
      <c r="AN73" s="1">
        <v>488</v>
      </c>
      <c r="AO73" s="1">
        <v>37</v>
      </c>
      <c r="AP73" s="1">
        <v>263</v>
      </c>
      <c r="AQ73" s="1">
        <v>39</v>
      </c>
      <c r="AR73" s="1">
        <v>25</v>
      </c>
      <c r="AS73" s="1">
        <v>1</v>
      </c>
      <c r="AT73" s="1">
        <v>6</v>
      </c>
      <c r="AU73" s="1">
        <v>130</v>
      </c>
      <c r="AV73" s="1">
        <v>125</v>
      </c>
      <c r="AW73" s="1">
        <v>58</v>
      </c>
      <c r="AX73" s="1">
        <v>19</v>
      </c>
      <c r="AY73" s="1">
        <v>3</v>
      </c>
      <c r="AZ73" s="1">
        <v>7</v>
      </c>
      <c r="BA73" s="1">
        <v>8</v>
      </c>
      <c r="BB73" s="1"/>
      <c r="BC73" s="30">
        <v>0.28263888888888888</v>
      </c>
      <c r="BD73" s="30">
        <v>0.29097222222222224</v>
      </c>
      <c r="BE73" s="30">
        <v>0.78472222222222221</v>
      </c>
      <c r="BF73" s="30">
        <v>0.95902777777777781</v>
      </c>
      <c r="BG73" s="30">
        <v>0.33263888888888887</v>
      </c>
      <c r="BR73" s="1"/>
      <c r="BS73" s="1"/>
      <c r="BT73" s="1"/>
      <c r="BU73" s="1"/>
      <c r="BV73" s="1"/>
      <c r="BW73" s="1"/>
      <c r="BX73" s="1"/>
      <c r="BY73" s="1"/>
      <c r="BZ73" s="1"/>
      <c r="CA73" s="1"/>
      <c r="CB73" s="1"/>
      <c r="CC73" s="1"/>
      <c r="CD73" s="1"/>
      <c r="CE73" s="1"/>
      <c r="CF73" s="1"/>
      <c r="CG73" s="1"/>
      <c r="CH73" s="1"/>
      <c r="CI73" s="1"/>
      <c r="CJ73" s="1"/>
      <c r="CK73" s="1"/>
      <c r="CL73" s="1"/>
      <c r="CM73" s="1"/>
      <c r="CN73" s="1"/>
      <c r="CO73" s="1"/>
      <c r="CP73" s="1"/>
      <c r="CQ73" s="1"/>
      <c r="CR73" s="1"/>
      <c r="CS73" s="1"/>
      <c r="CT73" s="1"/>
      <c r="CU73" s="1"/>
      <c r="CV73" s="1"/>
      <c r="CW73" s="1"/>
      <c r="CX73" s="1"/>
      <c r="CY73" s="1"/>
      <c r="CZ73" s="1"/>
      <c r="DB73" s="1"/>
      <c r="DC73" s="1"/>
    </row>
    <row r="74" spans="2:107" x14ac:dyDescent="0.7">
      <c r="B74" s="1">
        <v>68.599999999999994</v>
      </c>
      <c r="C74" s="1">
        <v>11.5</v>
      </c>
      <c r="D74" s="1">
        <v>6</v>
      </c>
      <c r="E74" s="1">
        <v>9.3000000000000007</v>
      </c>
      <c r="F74" s="1">
        <v>10</v>
      </c>
      <c r="G74" s="1">
        <v>14</v>
      </c>
      <c r="H74" s="1">
        <v>39.799999999999997</v>
      </c>
      <c r="I74" s="1">
        <v>1.6</v>
      </c>
      <c r="J74" s="1">
        <v>18</v>
      </c>
      <c r="K74" s="1">
        <v>10.199999999999999</v>
      </c>
      <c r="L74" s="1">
        <v>3.8</v>
      </c>
      <c r="M74" s="1">
        <v>29.3</v>
      </c>
      <c r="N74" s="1">
        <v>2.2999999999999998</v>
      </c>
      <c r="O74" s="1">
        <v>3.2</v>
      </c>
      <c r="P74" s="1">
        <v>51.5</v>
      </c>
      <c r="Q74" s="1">
        <v>8.4</v>
      </c>
      <c r="R74" s="1">
        <v>14.5</v>
      </c>
      <c r="S74" s="1">
        <v>0.5</v>
      </c>
      <c r="T74" s="1">
        <v>1.1000000000000001</v>
      </c>
      <c r="U74" s="1">
        <v>8.9</v>
      </c>
      <c r="V74" s="1">
        <v>19.899999999999999</v>
      </c>
      <c r="W74" s="1">
        <v>20.9</v>
      </c>
      <c r="X74" s="1">
        <v>2.5</v>
      </c>
      <c r="Y74" s="1">
        <v>1.8</v>
      </c>
      <c r="Z74" s="1">
        <v>42.2</v>
      </c>
      <c r="AA74" s="1">
        <v>8.8000000000000007</v>
      </c>
      <c r="AB74" s="1">
        <v>48.1</v>
      </c>
      <c r="AC74" s="1">
        <v>16</v>
      </c>
      <c r="AD74" s="1">
        <v>7.9</v>
      </c>
      <c r="AE74" s="1">
        <v>25.8</v>
      </c>
      <c r="AF74" s="1">
        <v>50.3</v>
      </c>
      <c r="AG74" s="1">
        <v>40.6</v>
      </c>
      <c r="AH74" s="1">
        <v>32.799999999999997</v>
      </c>
      <c r="AI74" s="1">
        <v>32.700000000000003</v>
      </c>
      <c r="AJ74" s="1">
        <v>24.7</v>
      </c>
      <c r="AK74" s="1">
        <v>16.2</v>
      </c>
      <c r="AL74" s="1">
        <v>0.7</v>
      </c>
      <c r="AM74" s="1"/>
      <c r="AN74" s="1">
        <v>484</v>
      </c>
      <c r="AO74" s="1">
        <v>37</v>
      </c>
      <c r="AP74" s="1">
        <v>277</v>
      </c>
      <c r="AQ74" s="1">
        <v>44</v>
      </c>
      <c r="AR74" s="1">
        <v>23</v>
      </c>
      <c r="AS74" s="1">
        <v>2</v>
      </c>
      <c r="AT74" s="1">
        <v>7</v>
      </c>
      <c r="AU74" s="1">
        <v>115</v>
      </c>
      <c r="AV74" s="1">
        <v>120</v>
      </c>
      <c r="AW74" s="1">
        <v>61</v>
      </c>
      <c r="AX74" s="1">
        <v>19</v>
      </c>
      <c r="AY74" s="1">
        <v>3</v>
      </c>
      <c r="AZ74" s="1">
        <v>8</v>
      </c>
      <c r="BA74" s="1">
        <v>6</v>
      </c>
      <c r="BB74" s="1"/>
      <c r="BC74" s="30">
        <v>0.28125</v>
      </c>
      <c r="BD74" s="30">
        <v>0.29166666666666669</v>
      </c>
      <c r="BE74" s="30">
        <v>0.8041666666666667</v>
      </c>
      <c r="BF74" s="30">
        <v>0.96458333333333335</v>
      </c>
      <c r="BG74" s="30">
        <v>0.33333333333333331</v>
      </c>
      <c r="BR74" s="1"/>
      <c r="BS74" s="1"/>
      <c r="BT74" s="1"/>
      <c r="BU74" s="1"/>
      <c r="BV74" s="1"/>
      <c r="BW74" s="1"/>
      <c r="BX74" s="1"/>
      <c r="BY74" s="1"/>
      <c r="BZ74" s="1"/>
      <c r="CA74" s="1"/>
      <c r="CB74" s="1"/>
      <c r="CC74" s="1"/>
      <c r="CD74" s="1"/>
      <c r="CE74" s="1"/>
      <c r="CF74" s="1"/>
      <c r="CG74" s="1"/>
      <c r="CH74" s="1"/>
      <c r="CI74" s="1"/>
      <c r="CJ74" s="1"/>
      <c r="CK74" s="1"/>
      <c r="CL74" s="1"/>
      <c r="CM74" s="1"/>
      <c r="CN74" s="1"/>
      <c r="CO74" s="1"/>
      <c r="CP74" s="1"/>
      <c r="CQ74" s="1"/>
      <c r="CR74" s="1"/>
      <c r="CS74" s="1"/>
      <c r="CT74" s="1"/>
      <c r="CU74" s="1"/>
      <c r="CV74" s="1"/>
      <c r="CW74" s="1"/>
      <c r="CX74" s="1"/>
      <c r="CY74" s="1"/>
      <c r="CZ74" s="1"/>
      <c r="DB74" s="1"/>
      <c r="DC74" s="1"/>
    </row>
    <row r="75" spans="2:107" x14ac:dyDescent="0.7">
      <c r="B75" s="1">
        <v>70.599999999999994</v>
      </c>
      <c r="C75" s="1">
        <v>10.7</v>
      </c>
      <c r="D75" s="1">
        <v>4.5999999999999996</v>
      </c>
      <c r="E75" s="1">
        <v>10.8</v>
      </c>
      <c r="F75" s="1">
        <v>12.3</v>
      </c>
      <c r="G75" s="1">
        <v>14.9</v>
      </c>
      <c r="H75" s="1">
        <v>42.3</v>
      </c>
      <c r="I75" s="1">
        <v>1.2</v>
      </c>
      <c r="J75" s="1">
        <v>18.8</v>
      </c>
      <c r="K75" s="1">
        <v>13.3</v>
      </c>
      <c r="L75" s="1">
        <v>7</v>
      </c>
      <c r="M75" s="1">
        <v>29.9</v>
      </c>
      <c r="N75" s="1">
        <v>2.9</v>
      </c>
      <c r="O75" s="1">
        <v>6</v>
      </c>
      <c r="P75" s="1">
        <v>53.6</v>
      </c>
      <c r="Q75" s="1">
        <v>10.1</v>
      </c>
      <c r="R75" s="1">
        <v>14.3</v>
      </c>
      <c r="S75" s="1">
        <v>1</v>
      </c>
      <c r="T75" s="1">
        <v>1.2</v>
      </c>
      <c r="U75" s="1">
        <v>10.1</v>
      </c>
      <c r="V75" s="1">
        <v>18.8</v>
      </c>
      <c r="W75" s="1">
        <v>16.7</v>
      </c>
      <c r="X75" s="1">
        <v>3.3</v>
      </c>
      <c r="Y75" s="1">
        <v>1.4</v>
      </c>
      <c r="Z75" s="1">
        <v>40.700000000000003</v>
      </c>
      <c r="AA75" s="1">
        <v>7.4</v>
      </c>
      <c r="AB75" s="1">
        <v>46.4</v>
      </c>
      <c r="AC75" s="1">
        <v>20.5</v>
      </c>
      <c r="AD75" s="1">
        <v>6.9</v>
      </c>
      <c r="AE75" s="1">
        <v>16.8</v>
      </c>
      <c r="AF75" s="1">
        <v>51.2</v>
      </c>
      <c r="AG75" s="1">
        <v>41</v>
      </c>
      <c r="AH75" s="1">
        <v>36</v>
      </c>
      <c r="AI75" s="1">
        <v>36</v>
      </c>
      <c r="AJ75" s="1">
        <v>27.9</v>
      </c>
      <c r="AK75" s="1">
        <v>18.8</v>
      </c>
      <c r="AL75" s="1">
        <v>0.5</v>
      </c>
      <c r="AM75" s="1"/>
      <c r="AN75" s="1">
        <v>484</v>
      </c>
      <c r="AO75" s="1">
        <v>38</v>
      </c>
      <c r="AP75" s="1">
        <v>248</v>
      </c>
      <c r="AQ75" s="1">
        <v>45</v>
      </c>
      <c r="AR75" s="1">
        <v>26</v>
      </c>
      <c r="AS75" s="1">
        <v>2</v>
      </c>
      <c r="AT75" s="1">
        <v>6</v>
      </c>
      <c r="AU75" s="1">
        <v>133</v>
      </c>
      <c r="AV75" s="1">
        <v>116</v>
      </c>
      <c r="AW75" s="1">
        <v>54</v>
      </c>
      <c r="AX75" s="1">
        <v>18</v>
      </c>
      <c r="AY75" s="1">
        <v>2</v>
      </c>
      <c r="AZ75" s="1">
        <v>9</v>
      </c>
      <c r="BA75" s="1">
        <v>7</v>
      </c>
      <c r="BB75" s="1"/>
      <c r="BC75" s="30">
        <v>0.28749999999999998</v>
      </c>
      <c r="BD75" s="30">
        <v>0.29930555555555555</v>
      </c>
      <c r="BE75" s="30">
        <v>0.79236111111111107</v>
      </c>
      <c r="BF75" s="30">
        <v>0.96666666666666667</v>
      </c>
      <c r="BG75" s="30">
        <v>0.33680555555555558</v>
      </c>
      <c r="BR75" s="1"/>
      <c r="BS75" s="1"/>
      <c r="BT75" s="1"/>
      <c r="BU75" s="1"/>
      <c r="BV75" s="1"/>
      <c r="BW75" s="1"/>
      <c r="BX75" s="1"/>
      <c r="BY75" s="1"/>
      <c r="BZ75" s="1"/>
      <c r="CA75" s="1"/>
      <c r="CB75" s="1"/>
      <c r="CC75" s="1"/>
      <c r="CD75" s="1"/>
      <c r="CE75" s="1"/>
      <c r="CF75" s="1"/>
      <c r="CG75" s="1"/>
      <c r="CH75" s="1"/>
      <c r="CI75" s="1"/>
      <c r="CJ75" s="1"/>
      <c r="CK75" s="1"/>
      <c r="CL75" s="1"/>
      <c r="CM75" s="1"/>
      <c r="CN75" s="1"/>
      <c r="CO75" s="1"/>
      <c r="CP75" s="1"/>
      <c r="CQ75" s="1"/>
      <c r="CR75" s="1"/>
      <c r="CS75" s="1"/>
      <c r="CT75" s="1"/>
      <c r="CU75" s="1"/>
      <c r="CV75" s="1"/>
      <c r="CW75" s="1"/>
      <c r="CX75" s="1"/>
      <c r="CY75" s="1"/>
      <c r="CZ75" s="1"/>
      <c r="DB75" s="1"/>
      <c r="DC75" s="1"/>
    </row>
    <row r="76" spans="2:107" x14ac:dyDescent="0.7">
      <c r="B76" s="1">
        <v>69.5</v>
      </c>
      <c r="C76" s="1">
        <v>11.3</v>
      </c>
      <c r="D76" s="1">
        <v>3.3</v>
      </c>
      <c r="E76" s="1">
        <v>9</v>
      </c>
      <c r="F76" s="1">
        <v>11.9</v>
      </c>
      <c r="G76" s="1">
        <v>15.1</v>
      </c>
      <c r="H76" s="1">
        <v>41</v>
      </c>
      <c r="I76" s="1">
        <v>1.3</v>
      </c>
      <c r="J76" s="1">
        <v>18.7</v>
      </c>
      <c r="K76" s="1">
        <v>9.8000000000000007</v>
      </c>
      <c r="L76" s="1">
        <v>5.5</v>
      </c>
      <c r="M76" s="1">
        <v>32.5</v>
      </c>
      <c r="N76" s="1">
        <v>3.4</v>
      </c>
      <c r="O76" s="1">
        <v>5.7</v>
      </c>
      <c r="P76" s="1">
        <v>53.4</v>
      </c>
      <c r="Q76" s="1">
        <v>8.5</v>
      </c>
      <c r="R76" s="1">
        <v>15.2</v>
      </c>
      <c r="S76" s="1">
        <v>0.5</v>
      </c>
      <c r="T76" s="1">
        <v>0.5</v>
      </c>
      <c r="U76" s="1">
        <v>9.6999999999999993</v>
      </c>
      <c r="V76" s="1">
        <v>13.1</v>
      </c>
      <c r="W76" s="1">
        <v>14.9</v>
      </c>
      <c r="X76" s="1">
        <v>2.1</v>
      </c>
      <c r="Y76" s="1">
        <v>0.9</v>
      </c>
      <c r="Z76" s="1">
        <v>40.5</v>
      </c>
      <c r="AA76" s="1">
        <v>12.5</v>
      </c>
      <c r="AB76" s="1">
        <v>47.7</v>
      </c>
      <c r="AC76" s="1">
        <v>20.7</v>
      </c>
      <c r="AD76" s="1">
        <v>6.9</v>
      </c>
      <c r="AE76" s="1">
        <v>13.7</v>
      </c>
      <c r="AF76" s="1">
        <v>51.1</v>
      </c>
      <c r="AG76" s="1">
        <v>43.7</v>
      </c>
      <c r="AH76" s="1">
        <v>34.299999999999997</v>
      </c>
      <c r="AI76" s="1">
        <v>34.299999999999997</v>
      </c>
      <c r="AJ76" s="1">
        <v>28.8</v>
      </c>
      <c r="AK76" s="1">
        <v>14.6</v>
      </c>
      <c r="AL76" s="1">
        <v>0.1</v>
      </c>
      <c r="AM76" s="1"/>
      <c r="AN76" s="1">
        <v>476</v>
      </c>
      <c r="AO76" s="1">
        <v>43</v>
      </c>
      <c r="AP76" s="1">
        <v>256</v>
      </c>
      <c r="AQ76" s="1">
        <v>41</v>
      </c>
      <c r="AR76" s="1">
        <v>24</v>
      </c>
      <c r="AS76" s="1">
        <v>1</v>
      </c>
      <c r="AT76" s="1">
        <v>6</v>
      </c>
      <c r="AU76" s="1">
        <v>139</v>
      </c>
      <c r="AV76" s="1">
        <v>114</v>
      </c>
      <c r="AW76" s="1">
        <v>63</v>
      </c>
      <c r="AX76" s="1">
        <v>17</v>
      </c>
      <c r="AY76" s="1">
        <v>2</v>
      </c>
      <c r="AZ76" s="1">
        <v>9</v>
      </c>
      <c r="BA76" s="1">
        <v>6</v>
      </c>
      <c r="BB76" s="1"/>
      <c r="BC76" s="30">
        <v>0.28680555555555554</v>
      </c>
      <c r="BD76" s="30">
        <v>0.29930555555555555</v>
      </c>
      <c r="BE76" s="30">
        <v>0.8041666666666667</v>
      </c>
      <c r="BF76" s="30">
        <v>0.97222222222222221</v>
      </c>
      <c r="BG76" s="30">
        <v>0.33680555555555558</v>
      </c>
      <c r="BR76" s="1"/>
      <c r="BS76" s="1"/>
      <c r="BT76" s="1"/>
      <c r="BU76" s="1"/>
      <c r="BV76" s="1"/>
      <c r="BW76" s="1"/>
      <c r="BX76" s="1"/>
      <c r="BY76" s="1"/>
      <c r="BZ76" s="1"/>
      <c r="CA76" s="1"/>
      <c r="CB76" s="1"/>
      <c r="CC76" s="1"/>
      <c r="CD76" s="1"/>
      <c r="CE76" s="1"/>
      <c r="CF76" s="1"/>
      <c r="CG76" s="1"/>
      <c r="CH76" s="1"/>
      <c r="CI76" s="1"/>
      <c r="CJ76" s="1"/>
      <c r="CK76" s="1"/>
      <c r="CL76" s="1"/>
      <c r="CM76" s="1"/>
      <c r="CN76" s="1"/>
      <c r="CO76" s="1"/>
      <c r="CP76" s="1"/>
      <c r="CQ76" s="1"/>
      <c r="CR76" s="1"/>
      <c r="CS76" s="1"/>
      <c r="CT76" s="1"/>
      <c r="CU76" s="1"/>
      <c r="CV76" s="1"/>
      <c r="CW76" s="1"/>
      <c r="CX76" s="1"/>
      <c r="CY76" s="1"/>
      <c r="CZ76" s="1"/>
      <c r="DB76" s="1"/>
      <c r="DC76" s="1"/>
    </row>
    <row r="77" spans="2:107" x14ac:dyDescent="0.7">
      <c r="B77" s="1">
        <v>68.900000000000006</v>
      </c>
      <c r="C77" s="1">
        <v>13.1</v>
      </c>
      <c r="D77" s="1">
        <v>3.7</v>
      </c>
      <c r="E77" s="1">
        <v>11</v>
      </c>
      <c r="F77" s="1">
        <v>9.6</v>
      </c>
      <c r="G77" s="1">
        <v>12.2</v>
      </c>
      <c r="H77" s="1">
        <v>39</v>
      </c>
      <c r="I77" s="1">
        <v>1.4</v>
      </c>
      <c r="J77" s="1">
        <v>18.7</v>
      </c>
      <c r="K77" s="1">
        <v>10.3</v>
      </c>
      <c r="L77" s="1">
        <v>4.5</v>
      </c>
      <c r="M77" s="1">
        <v>27.2</v>
      </c>
      <c r="N77" s="1">
        <v>3.4</v>
      </c>
      <c r="O77" s="1">
        <v>4.5</v>
      </c>
      <c r="P77" s="1">
        <v>52.8</v>
      </c>
      <c r="Q77" s="1">
        <v>8</v>
      </c>
      <c r="R77" s="1">
        <v>11</v>
      </c>
      <c r="S77" s="1">
        <v>1.4</v>
      </c>
      <c r="T77" s="1">
        <v>0.7</v>
      </c>
      <c r="U77" s="1">
        <v>9.1999999999999993</v>
      </c>
      <c r="V77" s="1">
        <v>18.7</v>
      </c>
      <c r="W77" s="1">
        <v>18</v>
      </c>
      <c r="X77" s="1">
        <v>2.7</v>
      </c>
      <c r="Y77" s="1">
        <v>1.6</v>
      </c>
      <c r="Z77" s="1">
        <v>37.4</v>
      </c>
      <c r="AA77" s="1">
        <v>9.1</v>
      </c>
      <c r="AB77" s="1">
        <v>46.1</v>
      </c>
      <c r="AC77" s="1">
        <v>17.2</v>
      </c>
      <c r="AD77" s="1">
        <v>7</v>
      </c>
      <c r="AE77" s="1">
        <v>17.2</v>
      </c>
      <c r="AF77" s="1">
        <v>51.6</v>
      </c>
      <c r="AG77" s="1">
        <v>41.1</v>
      </c>
      <c r="AH77" s="1">
        <v>34.200000000000003</v>
      </c>
      <c r="AI77" s="1">
        <v>34.1</v>
      </c>
      <c r="AJ77" s="1">
        <v>27.5</v>
      </c>
      <c r="AK77" s="1">
        <v>14.7</v>
      </c>
      <c r="AL77" s="1">
        <v>0.7</v>
      </c>
      <c r="AM77" s="1"/>
      <c r="AN77" s="1">
        <v>474</v>
      </c>
      <c r="AO77" s="1">
        <v>42</v>
      </c>
      <c r="AP77" s="1">
        <v>260</v>
      </c>
      <c r="AQ77" s="1">
        <v>41</v>
      </c>
      <c r="AR77" s="1">
        <v>21</v>
      </c>
      <c r="AS77" s="1">
        <v>2</v>
      </c>
      <c r="AT77" s="1">
        <v>6</v>
      </c>
      <c r="AU77" s="1">
        <v>133</v>
      </c>
      <c r="AV77" s="1">
        <v>125</v>
      </c>
      <c r="AW77" s="1">
        <v>56</v>
      </c>
      <c r="AX77" s="1">
        <v>19</v>
      </c>
      <c r="AY77" s="1">
        <v>2</v>
      </c>
      <c r="AZ77" s="1">
        <v>9</v>
      </c>
      <c r="BA77" s="1">
        <v>7</v>
      </c>
      <c r="BB77" s="1"/>
      <c r="BC77" s="30">
        <v>0.27638888888888891</v>
      </c>
      <c r="BD77" s="30">
        <v>0.29305555555555557</v>
      </c>
      <c r="BE77" s="30">
        <v>0.79722222222222228</v>
      </c>
      <c r="BF77" s="30">
        <v>0.96319444444444446</v>
      </c>
      <c r="BG77" s="30">
        <v>0.33194444444444443</v>
      </c>
      <c r="BR77" s="1"/>
      <c r="BS77" s="1"/>
      <c r="BT77" s="1"/>
      <c r="BU77" s="1"/>
      <c r="BV77" s="1"/>
      <c r="BW77" s="1"/>
      <c r="BX77" s="1"/>
      <c r="BY77" s="1"/>
      <c r="BZ77" s="1"/>
      <c r="CA77" s="1"/>
      <c r="CB77" s="1"/>
      <c r="CC77" s="1"/>
      <c r="CD77" s="1"/>
      <c r="CE77" s="1"/>
      <c r="CF77" s="1"/>
      <c r="CG77" s="1"/>
      <c r="CH77" s="1"/>
      <c r="CI77" s="1"/>
      <c r="CJ77" s="1"/>
      <c r="CK77" s="1"/>
      <c r="CL77" s="1"/>
      <c r="CM77" s="1"/>
      <c r="CN77" s="1"/>
      <c r="CO77" s="1"/>
      <c r="CP77" s="1"/>
      <c r="CQ77" s="1"/>
      <c r="CR77" s="1"/>
      <c r="CS77" s="1"/>
      <c r="CT77" s="1"/>
      <c r="CU77" s="1"/>
      <c r="CV77" s="1"/>
      <c r="CW77" s="1"/>
      <c r="CX77" s="1"/>
      <c r="CY77" s="1"/>
      <c r="CZ77" s="1"/>
      <c r="DB77" s="1"/>
      <c r="DC77" s="1"/>
    </row>
    <row r="78" spans="2:107" x14ac:dyDescent="0.7">
      <c r="B78" s="1">
        <v>69.2</v>
      </c>
      <c r="C78" s="1">
        <v>9.9</v>
      </c>
      <c r="D78" s="1">
        <v>1.4</v>
      </c>
      <c r="E78" s="1">
        <v>9.1</v>
      </c>
      <c r="F78" s="1">
        <v>8.5</v>
      </c>
      <c r="G78" s="1">
        <v>12</v>
      </c>
      <c r="H78" s="1">
        <v>37.799999999999997</v>
      </c>
      <c r="I78" s="1">
        <v>1.3</v>
      </c>
      <c r="J78" s="1">
        <v>16.7</v>
      </c>
      <c r="K78" s="1">
        <v>11.3</v>
      </c>
      <c r="L78" s="1">
        <v>5</v>
      </c>
      <c r="M78" s="1">
        <v>27.1</v>
      </c>
      <c r="N78" s="1">
        <v>2.4</v>
      </c>
      <c r="O78" s="1">
        <v>4.0999999999999996</v>
      </c>
      <c r="P78" s="1">
        <v>50.1</v>
      </c>
      <c r="Q78" s="1">
        <v>7.3</v>
      </c>
      <c r="R78" s="1">
        <v>13.1</v>
      </c>
      <c r="S78" s="1">
        <v>0.6</v>
      </c>
      <c r="T78" s="1">
        <v>0.4</v>
      </c>
      <c r="U78" s="1">
        <v>9</v>
      </c>
      <c r="V78" s="1">
        <v>23.4</v>
      </c>
      <c r="W78" s="1">
        <v>18.100000000000001</v>
      </c>
      <c r="X78" s="1">
        <v>2.6</v>
      </c>
      <c r="Y78" s="1">
        <v>1.5</v>
      </c>
      <c r="Z78" s="1">
        <v>33.799999999999997</v>
      </c>
      <c r="AA78" s="1">
        <v>8.4</v>
      </c>
      <c r="AB78" s="1">
        <v>44.1</v>
      </c>
      <c r="AC78" s="1">
        <v>15.5</v>
      </c>
      <c r="AD78" s="1">
        <v>6.2</v>
      </c>
      <c r="AE78" s="1">
        <v>18</v>
      </c>
      <c r="AF78" s="1">
        <v>48.4</v>
      </c>
      <c r="AG78" s="1">
        <v>39.9</v>
      </c>
      <c r="AH78" s="1">
        <v>32.4</v>
      </c>
      <c r="AI78" s="1">
        <v>32.4</v>
      </c>
      <c r="AJ78" s="1">
        <v>26</v>
      </c>
      <c r="AK78" s="1">
        <v>13</v>
      </c>
      <c r="AL78" s="1">
        <v>0.2</v>
      </c>
      <c r="AM78" s="1"/>
      <c r="AN78" s="1">
        <v>479</v>
      </c>
      <c r="AO78" s="1">
        <v>41</v>
      </c>
      <c r="AP78" s="1">
        <v>256</v>
      </c>
      <c r="AQ78" s="1">
        <v>44</v>
      </c>
      <c r="AR78" s="1">
        <v>22</v>
      </c>
      <c r="AS78" s="1">
        <v>2</v>
      </c>
      <c r="AT78" s="1">
        <v>8</v>
      </c>
      <c r="AU78" s="1">
        <v>131</v>
      </c>
      <c r="AV78" s="1">
        <v>117</v>
      </c>
      <c r="AW78" s="1">
        <v>62</v>
      </c>
      <c r="AX78" s="1">
        <v>16</v>
      </c>
      <c r="AY78" s="1">
        <v>3</v>
      </c>
      <c r="AZ78" s="1">
        <v>6</v>
      </c>
      <c r="BA78" s="1">
        <v>4</v>
      </c>
      <c r="BB78" s="1"/>
      <c r="BC78" s="30">
        <v>0.28125</v>
      </c>
      <c r="BD78" s="30">
        <v>0.29444444444444445</v>
      </c>
      <c r="BE78" s="30">
        <v>0.79374999999999996</v>
      </c>
      <c r="BF78" s="30">
        <v>0.95972222222222225</v>
      </c>
      <c r="BG78" s="30">
        <v>0.3298611111111111</v>
      </c>
      <c r="BR78" s="1"/>
      <c r="BS78" s="1"/>
      <c r="BT78" s="1"/>
      <c r="BU78" s="1"/>
      <c r="BV78" s="1"/>
      <c r="BW78" s="1"/>
      <c r="BX78" s="1"/>
      <c r="BY78" s="1"/>
      <c r="BZ78" s="1"/>
      <c r="CA78" s="1"/>
      <c r="CB78" s="1"/>
      <c r="CC78" s="1"/>
      <c r="CD78" s="1"/>
      <c r="CE78" s="1"/>
      <c r="CF78" s="1"/>
      <c r="CG78" s="1"/>
      <c r="CH78" s="1"/>
      <c r="CI78" s="1"/>
      <c r="CJ78" s="1"/>
      <c r="CK78" s="1"/>
      <c r="CL78" s="1"/>
      <c r="CM78" s="1"/>
      <c r="CN78" s="1"/>
      <c r="CO78" s="1"/>
      <c r="CP78" s="1"/>
      <c r="CQ78" s="1"/>
      <c r="CR78" s="1"/>
      <c r="CS78" s="1"/>
      <c r="CT78" s="1"/>
      <c r="CU78" s="1"/>
      <c r="CV78" s="1"/>
      <c r="CW78" s="1"/>
      <c r="CX78" s="1"/>
      <c r="CY78" s="1"/>
      <c r="CZ78" s="1"/>
      <c r="DB78" s="1"/>
      <c r="DC78" s="1"/>
    </row>
    <row r="79" spans="2:107" x14ac:dyDescent="0.7">
      <c r="B79" s="1">
        <v>64.400000000000006</v>
      </c>
      <c r="C79" s="1">
        <v>15.2</v>
      </c>
      <c r="D79" s="1">
        <v>1.7</v>
      </c>
      <c r="E79" s="1">
        <v>6.5</v>
      </c>
      <c r="F79" s="1">
        <v>6.8</v>
      </c>
      <c r="G79" s="1">
        <v>10.8</v>
      </c>
      <c r="H79" s="1">
        <v>35.200000000000003</v>
      </c>
      <c r="I79" s="1">
        <v>0.9</v>
      </c>
      <c r="J79" s="1">
        <v>16.2</v>
      </c>
      <c r="K79" s="1">
        <v>7.4</v>
      </c>
      <c r="L79" s="1">
        <v>3</v>
      </c>
      <c r="M79" s="1">
        <v>23.6</v>
      </c>
      <c r="N79" s="1">
        <v>2.1</v>
      </c>
      <c r="O79" s="1">
        <v>3</v>
      </c>
      <c r="P79" s="1">
        <v>45.2</v>
      </c>
      <c r="Q79" s="1">
        <v>7.3</v>
      </c>
      <c r="R79" s="1">
        <v>13.8</v>
      </c>
      <c r="S79" s="1">
        <v>0.5</v>
      </c>
      <c r="T79" s="1">
        <v>0.7</v>
      </c>
      <c r="U79" s="1">
        <v>6.3</v>
      </c>
      <c r="V79" s="1">
        <v>20.8</v>
      </c>
      <c r="W79" s="1">
        <v>19.600000000000001</v>
      </c>
      <c r="X79" s="1">
        <v>1.8</v>
      </c>
      <c r="Y79" s="1">
        <v>1.4</v>
      </c>
      <c r="Z79" s="1">
        <v>33.700000000000003</v>
      </c>
      <c r="AA79" s="1">
        <v>12.4</v>
      </c>
      <c r="AB79" s="1">
        <v>41</v>
      </c>
      <c r="AC79" s="1">
        <v>14.9</v>
      </c>
      <c r="AD79" s="1">
        <v>6</v>
      </c>
      <c r="AE79" s="1">
        <v>20.2</v>
      </c>
      <c r="AF79" s="1">
        <v>43.1</v>
      </c>
      <c r="AG79" s="1">
        <v>36.299999999999997</v>
      </c>
      <c r="AH79" s="1">
        <v>26.3</v>
      </c>
      <c r="AI79" s="1">
        <v>26.3</v>
      </c>
      <c r="AJ79" s="1">
        <v>21.3</v>
      </c>
      <c r="AK79" s="1">
        <v>9.1999999999999993</v>
      </c>
      <c r="AL79" s="1">
        <v>0.4</v>
      </c>
      <c r="AM79" s="1"/>
      <c r="AN79" s="1">
        <v>483</v>
      </c>
      <c r="AO79" s="1">
        <v>29</v>
      </c>
      <c r="AP79" s="1">
        <v>257</v>
      </c>
      <c r="AQ79" s="1">
        <v>38</v>
      </c>
      <c r="AR79" s="1">
        <v>26</v>
      </c>
      <c r="AS79" s="1">
        <v>2</v>
      </c>
      <c r="AT79" s="1">
        <v>6</v>
      </c>
      <c r="AU79" s="1">
        <v>144</v>
      </c>
      <c r="AV79" s="1">
        <v>122</v>
      </c>
      <c r="AW79" s="1">
        <v>51</v>
      </c>
      <c r="AX79" s="1">
        <v>17</v>
      </c>
      <c r="AY79" s="1">
        <v>2</v>
      </c>
      <c r="AZ79" s="1">
        <v>11</v>
      </c>
      <c r="BA79" s="1">
        <v>8</v>
      </c>
      <c r="BB79" s="1"/>
      <c r="BC79" s="30">
        <v>0.27916666666666667</v>
      </c>
      <c r="BD79" s="30">
        <v>0.29444444444444445</v>
      </c>
      <c r="BE79" s="30">
        <v>0.78541666666666665</v>
      </c>
      <c r="BF79" s="30">
        <v>0.95416666666666672</v>
      </c>
      <c r="BG79" s="30">
        <v>0.3298611111111111</v>
      </c>
      <c r="BR79" s="1"/>
      <c r="BS79" s="1"/>
      <c r="BT79" s="1"/>
      <c r="BU79" s="1"/>
      <c r="BV79" s="1"/>
      <c r="BW79" s="1"/>
      <c r="BX79" s="1"/>
      <c r="BY79" s="1"/>
      <c r="BZ79" s="1"/>
      <c r="CA79" s="1"/>
      <c r="CB79" s="1"/>
      <c r="CC79" s="1"/>
      <c r="CD79" s="1"/>
      <c r="CE79" s="1"/>
      <c r="CF79" s="1"/>
      <c r="CG79" s="1"/>
      <c r="CH79" s="1"/>
      <c r="CI79" s="1"/>
      <c r="CJ79" s="1"/>
      <c r="CK79" s="1"/>
      <c r="CL79" s="1"/>
      <c r="CM79" s="1"/>
      <c r="CN79" s="1"/>
      <c r="CO79" s="1"/>
      <c r="CP79" s="1"/>
      <c r="CQ79" s="1"/>
      <c r="CR79" s="1"/>
      <c r="CS79" s="1"/>
      <c r="CT79" s="1"/>
      <c r="CU79" s="1"/>
      <c r="CV79" s="1"/>
      <c r="CW79" s="1"/>
      <c r="CX79" s="1"/>
      <c r="CY79" s="1"/>
      <c r="CZ79" s="1"/>
      <c r="DB79" s="1"/>
      <c r="DC79" s="1"/>
    </row>
    <row r="80" spans="2:107" x14ac:dyDescent="0.7">
      <c r="B80" s="1">
        <v>64.8</v>
      </c>
      <c r="C80" s="1">
        <v>16</v>
      </c>
      <c r="D80" s="1">
        <v>5.9</v>
      </c>
      <c r="E80" s="1">
        <v>6.8</v>
      </c>
      <c r="F80" s="1">
        <v>9.1999999999999993</v>
      </c>
      <c r="G80" s="1">
        <v>11.6</v>
      </c>
      <c r="H80" s="1">
        <v>31.8</v>
      </c>
      <c r="I80" s="1">
        <v>1.5</v>
      </c>
      <c r="J80" s="1">
        <v>13.8</v>
      </c>
      <c r="K80" s="1">
        <v>11.8</v>
      </c>
      <c r="L80" s="1">
        <v>4</v>
      </c>
      <c r="M80" s="1">
        <v>20.8</v>
      </c>
      <c r="N80" s="1">
        <v>2.2000000000000002</v>
      </c>
      <c r="O80" s="1">
        <v>2.1</v>
      </c>
      <c r="P80" s="1">
        <v>47.3</v>
      </c>
      <c r="Q80" s="1">
        <v>7.8</v>
      </c>
      <c r="R80" s="1">
        <v>12.6</v>
      </c>
      <c r="S80" s="1">
        <v>0.9</v>
      </c>
      <c r="T80" s="1">
        <v>0.7</v>
      </c>
      <c r="U80" s="1">
        <v>8</v>
      </c>
      <c r="V80" s="1">
        <v>17.899999999999999</v>
      </c>
      <c r="W80" s="1">
        <v>16.2</v>
      </c>
      <c r="X80" s="1">
        <v>2.4</v>
      </c>
      <c r="Y80" s="1">
        <v>0.8</v>
      </c>
      <c r="Z80" s="1">
        <v>33.1</v>
      </c>
      <c r="AA80" s="1">
        <v>12.1</v>
      </c>
      <c r="AB80" s="1">
        <v>38.9</v>
      </c>
      <c r="AC80" s="1">
        <v>8.3000000000000007</v>
      </c>
      <c r="AD80" s="1">
        <v>5.3</v>
      </c>
      <c r="AE80" s="1">
        <v>27.2</v>
      </c>
      <c r="AF80" s="1">
        <v>37.700000000000003</v>
      </c>
      <c r="AG80" s="1">
        <v>31.5</v>
      </c>
      <c r="AH80" s="1">
        <v>20.7</v>
      </c>
      <c r="AI80" s="1">
        <v>20.7</v>
      </c>
      <c r="AJ80" s="1">
        <v>15.6</v>
      </c>
      <c r="AK80" s="1">
        <v>8.9</v>
      </c>
      <c r="AL80" s="1">
        <v>0.3</v>
      </c>
      <c r="AM80" s="1"/>
      <c r="AN80" s="1">
        <v>490</v>
      </c>
      <c r="AO80" s="1">
        <v>29</v>
      </c>
      <c r="AP80" s="1">
        <v>264</v>
      </c>
      <c r="AQ80" s="1">
        <v>39</v>
      </c>
      <c r="AR80" s="1">
        <v>24</v>
      </c>
      <c r="AS80" s="1">
        <v>2</v>
      </c>
      <c r="AT80" s="1">
        <v>5</v>
      </c>
      <c r="AU80" s="1">
        <v>154</v>
      </c>
      <c r="AV80" s="1">
        <v>122</v>
      </c>
      <c r="AW80" s="1">
        <v>49</v>
      </c>
      <c r="AX80" s="1">
        <v>19</v>
      </c>
      <c r="AY80" s="1">
        <v>4</v>
      </c>
      <c r="AZ80" s="1">
        <v>8</v>
      </c>
      <c r="BA80" s="1">
        <v>7</v>
      </c>
      <c r="BB80" s="1"/>
      <c r="BC80" s="30">
        <v>0.27986111111111112</v>
      </c>
      <c r="BD80" s="30">
        <v>0.29305555555555557</v>
      </c>
      <c r="BE80" s="30">
        <v>0.78888888888888886</v>
      </c>
      <c r="BF80" s="30">
        <v>0.95833333333333337</v>
      </c>
      <c r="BG80" s="30">
        <v>0.33819444444444446</v>
      </c>
      <c r="BR80" s="1"/>
      <c r="BS80" s="1"/>
      <c r="BT80" s="1"/>
      <c r="BU80" s="1"/>
      <c r="BV80" s="1"/>
      <c r="BW80" s="1"/>
      <c r="BX80" s="1"/>
      <c r="BY80" s="1"/>
      <c r="BZ80" s="1"/>
      <c r="CA80" s="1"/>
      <c r="CB80" s="1"/>
      <c r="CC80" s="1"/>
      <c r="CD80" s="1"/>
      <c r="CE80" s="1"/>
      <c r="CF80" s="1"/>
      <c r="CG80" s="1"/>
      <c r="CH80" s="1"/>
      <c r="CI80" s="1"/>
      <c r="CJ80" s="1"/>
      <c r="CK80" s="1"/>
      <c r="CL80" s="1"/>
      <c r="CM80" s="1"/>
      <c r="CN80" s="1"/>
      <c r="CO80" s="1"/>
      <c r="CP80" s="1"/>
      <c r="CQ80" s="1"/>
      <c r="CR80" s="1"/>
      <c r="CS80" s="1"/>
      <c r="CT80" s="1"/>
      <c r="CU80" s="1"/>
      <c r="CV80" s="1"/>
      <c r="CW80" s="1"/>
      <c r="CX80" s="1"/>
      <c r="CY80" s="1"/>
      <c r="CZ80" s="1"/>
      <c r="DB80" s="1"/>
      <c r="DC80" s="1"/>
    </row>
    <row r="81" spans="2:107" x14ac:dyDescent="0.7">
      <c r="B81" s="1">
        <v>66.400000000000006</v>
      </c>
      <c r="C81" s="1">
        <v>15.2</v>
      </c>
      <c r="D81" s="1">
        <v>3.7</v>
      </c>
      <c r="E81" s="1">
        <v>7.5</v>
      </c>
      <c r="F81" s="1">
        <v>6.1</v>
      </c>
      <c r="G81" s="1">
        <v>11.8</v>
      </c>
      <c r="H81" s="1">
        <v>33.4</v>
      </c>
      <c r="I81" s="1">
        <v>1.5</v>
      </c>
      <c r="J81" s="1">
        <v>15.5</v>
      </c>
      <c r="K81" s="1">
        <v>8.6999999999999993</v>
      </c>
      <c r="L81" s="1">
        <v>3.5</v>
      </c>
      <c r="M81" s="1">
        <v>23.1</v>
      </c>
      <c r="N81" s="1">
        <v>2</v>
      </c>
      <c r="O81" s="1">
        <v>3.1</v>
      </c>
      <c r="P81" s="1">
        <v>46.6</v>
      </c>
      <c r="Q81" s="1">
        <v>7.4</v>
      </c>
      <c r="R81" s="1">
        <v>13.6</v>
      </c>
      <c r="S81" s="1">
        <v>0.3</v>
      </c>
      <c r="T81" s="1">
        <v>0.7</v>
      </c>
      <c r="U81" s="1">
        <v>7.9</v>
      </c>
      <c r="V81" s="1">
        <v>22.6</v>
      </c>
      <c r="W81" s="1">
        <v>19.5</v>
      </c>
      <c r="X81" s="1">
        <v>1.5</v>
      </c>
      <c r="Y81" s="1">
        <v>1.4</v>
      </c>
      <c r="Z81" s="1">
        <v>37.4</v>
      </c>
      <c r="AA81" s="1">
        <v>13.1</v>
      </c>
      <c r="AB81" s="1">
        <v>41.4</v>
      </c>
      <c r="AC81" s="1">
        <v>11.8</v>
      </c>
      <c r="AD81" s="1">
        <v>4.4000000000000004</v>
      </c>
      <c r="AE81" s="1">
        <v>29.7</v>
      </c>
      <c r="AF81" s="1">
        <v>39.9</v>
      </c>
      <c r="AG81" s="1">
        <v>32.5</v>
      </c>
      <c r="AH81" s="1">
        <v>21.9</v>
      </c>
      <c r="AI81" s="1">
        <v>21.8</v>
      </c>
      <c r="AJ81" s="1">
        <v>16.2</v>
      </c>
      <c r="AK81" s="1">
        <v>9.5</v>
      </c>
      <c r="AL81" s="1">
        <v>0.1</v>
      </c>
      <c r="AM81" s="1"/>
      <c r="AN81" s="1">
        <v>488</v>
      </c>
      <c r="AO81" s="1">
        <v>32</v>
      </c>
      <c r="AP81" s="1">
        <v>277</v>
      </c>
      <c r="AQ81" s="1">
        <v>38</v>
      </c>
      <c r="AR81" s="1">
        <v>27</v>
      </c>
      <c r="AS81" s="1">
        <v>1</v>
      </c>
      <c r="AT81" s="1">
        <v>6</v>
      </c>
      <c r="AU81" s="1">
        <v>134</v>
      </c>
      <c r="AV81" s="1">
        <v>120</v>
      </c>
      <c r="AW81" s="1">
        <v>48</v>
      </c>
      <c r="AX81" s="1">
        <v>14</v>
      </c>
      <c r="AY81" s="1">
        <v>3</v>
      </c>
      <c r="AZ81" s="1">
        <v>8</v>
      </c>
      <c r="BA81" s="1">
        <v>6</v>
      </c>
      <c r="BB81" s="1"/>
      <c r="BC81" s="30">
        <v>0.27291666666666664</v>
      </c>
      <c r="BD81" s="30">
        <v>0.29097222222222224</v>
      </c>
      <c r="BE81" s="30">
        <v>0.7944444444444444</v>
      </c>
      <c r="BF81" s="30">
        <v>0.94861111111111107</v>
      </c>
      <c r="BG81" s="30">
        <v>0.33055555555555555</v>
      </c>
      <c r="BR81" s="1"/>
      <c r="BS81" s="1"/>
      <c r="BT81" s="1"/>
      <c r="BU81" s="1"/>
      <c r="BV81" s="1"/>
      <c r="BW81" s="1"/>
      <c r="BX81" s="1"/>
      <c r="BY81" s="1"/>
      <c r="BZ81" s="1"/>
      <c r="CA81" s="1"/>
      <c r="CB81" s="1"/>
      <c r="CC81" s="1"/>
      <c r="CD81" s="1"/>
      <c r="CE81" s="1"/>
      <c r="CF81" s="1"/>
      <c r="CG81" s="1"/>
      <c r="CH81" s="1"/>
      <c r="CI81" s="1"/>
      <c r="CJ81" s="1"/>
      <c r="CK81" s="1"/>
      <c r="CL81" s="1"/>
      <c r="CM81" s="1"/>
      <c r="CN81" s="1"/>
      <c r="CO81" s="1"/>
      <c r="CP81" s="1"/>
      <c r="CQ81" s="1"/>
      <c r="CR81" s="1"/>
      <c r="CS81" s="1"/>
      <c r="CT81" s="1"/>
      <c r="CU81" s="1"/>
      <c r="CV81" s="1"/>
      <c r="CW81" s="1"/>
      <c r="CX81" s="1"/>
      <c r="CY81" s="1"/>
      <c r="CZ81" s="1"/>
      <c r="DB81" s="1"/>
      <c r="DC81" s="1"/>
    </row>
    <row r="82" spans="2:107" x14ac:dyDescent="0.7">
      <c r="B82" s="1">
        <v>67.3</v>
      </c>
      <c r="C82" s="1">
        <v>14.7</v>
      </c>
      <c r="D82" s="1">
        <v>2.9</v>
      </c>
      <c r="E82" s="1">
        <v>6.6</v>
      </c>
      <c r="F82" s="1">
        <v>7.8</v>
      </c>
      <c r="G82" s="1">
        <v>13.6</v>
      </c>
      <c r="H82" s="1">
        <v>38</v>
      </c>
      <c r="I82" s="1">
        <v>1.4</v>
      </c>
      <c r="J82" s="1">
        <v>14.6</v>
      </c>
      <c r="K82" s="1">
        <v>9.4</v>
      </c>
      <c r="L82" s="1">
        <v>3.6</v>
      </c>
      <c r="M82" s="1">
        <v>22</v>
      </c>
      <c r="N82" s="1">
        <v>3.6</v>
      </c>
      <c r="O82" s="1">
        <v>3.2</v>
      </c>
      <c r="P82" s="1">
        <v>51.7</v>
      </c>
      <c r="Q82" s="1">
        <v>7.7</v>
      </c>
      <c r="R82" s="1">
        <v>10.3</v>
      </c>
      <c r="S82" s="1">
        <v>0.7</v>
      </c>
      <c r="T82" s="1">
        <v>0.8</v>
      </c>
      <c r="U82" s="1">
        <v>7.7</v>
      </c>
      <c r="V82" s="1">
        <v>24.1</v>
      </c>
      <c r="W82" s="1">
        <v>18.8</v>
      </c>
      <c r="X82" s="1">
        <v>2.4</v>
      </c>
      <c r="Y82" s="1">
        <v>0.9</v>
      </c>
      <c r="Z82" s="1">
        <v>36.200000000000003</v>
      </c>
      <c r="AA82" s="1">
        <v>10.6</v>
      </c>
      <c r="AB82" s="1">
        <v>44.5</v>
      </c>
      <c r="AC82" s="1">
        <v>13.2</v>
      </c>
      <c r="AD82" s="1">
        <v>7</v>
      </c>
      <c r="AE82" s="1">
        <v>24.4</v>
      </c>
      <c r="AF82" s="1">
        <v>42.7</v>
      </c>
      <c r="AG82" s="1">
        <v>35.9</v>
      </c>
      <c r="AH82" s="1">
        <v>24.6</v>
      </c>
      <c r="AI82" s="1">
        <v>24.6</v>
      </c>
      <c r="AJ82" s="1">
        <v>18.399999999999999</v>
      </c>
      <c r="AK82" s="1">
        <v>11.4</v>
      </c>
      <c r="AL82" s="1">
        <v>0.4</v>
      </c>
      <c r="AM82" s="1"/>
      <c r="AN82" s="1">
        <v>481</v>
      </c>
      <c r="AO82" s="1">
        <v>35</v>
      </c>
      <c r="AP82" s="1">
        <v>265</v>
      </c>
      <c r="AQ82" s="1">
        <v>40</v>
      </c>
      <c r="AR82" s="1">
        <v>26</v>
      </c>
      <c r="AS82" s="1">
        <v>2</v>
      </c>
      <c r="AT82" s="1">
        <v>7</v>
      </c>
      <c r="AU82" s="1">
        <v>127</v>
      </c>
      <c r="AV82" s="1">
        <v>128</v>
      </c>
      <c r="AW82" s="1">
        <v>59</v>
      </c>
      <c r="AX82" s="1">
        <v>16</v>
      </c>
      <c r="AY82" s="1">
        <v>3</v>
      </c>
      <c r="AZ82" s="1">
        <v>8</v>
      </c>
      <c r="BA82" s="1">
        <v>6</v>
      </c>
      <c r="BB82" s="1"/>
      <c r="BC82" s="30">
        <v>0.27569444444444446</v>
      </c>
      <c r="BD82" s="30">
        <v>0.28819444444444442</v>
      </c>
      <c r="BE82" s="30">
        <v>0.78541666666666665</v>
      </c>
      <c r="BF82" s="30">
        <v>0.95763888888888893</v>
      </c>
      <c r="BG82" s="30">
        <v>0.33611111111111114</v>
      </c>
      <c r="BR82" s="1"/>
      <c r="BS82" s="1"/>
      <c r="BT82" s="1"/>
      <c r="BU82" s="1"/>
      <c r="BV82" s="1"/>
      <c r="BW82" s="1"/>
      <c r="BX82" s="1"/>
      <c r="BY82" s="1"/>
      <c r="BZ82" s="1"/>
      <c r="CA82" s="1"/>
      <c r="CB82" s="1"/>
      <c r="CC82" s="1"/>
      <c r="CD82" s="1"/>
      <c r="CE82" s="1"/>
      <c r="CF82" s="1"/>
      <c r="CG82" s="1"/>
      <c r="CH82" s="1"/>
      <c r="CI82" s="1"/>
      <c r="CJ82" s="1"/>
      <c r="CK82" s="1"/>
      <c r="CL82" s="1"/>
      <c r="CM82" s="1"/>
      <c r="CN82" s="1"/>
      <c r="CO82" s="1"/>
      <c r="CP82" s="1"/>
      <c r="CQ82" s="1"/>
      <c r="CR82" s="1"/>
      <c r="CS82" s="1"/>
      <c r="CT82" s="1"/>
      <c r="CU82" s="1"/>
      <c r="CV82" s="1"/>
      <c r="CW82" s="1"/>
      <c r="CX82" s="1"/>
      <c r="CY82" s="1"/>
      <c r="CZ82" s="1"/>
      <c r="DB82" s="1"/>
      <c r="DC82" s="1"/>
    </row>
    <row r="83" spans="2:107" x14ac:dyDescent="0.7">
      <c r="B83" s="1">
        <v>69.400000000000006</v>
      </c>
      <c r="C83" s="1">
        <v>19.3</v>
      </c>
      <c r="D83" s="1">
        <v>3.1</v>
      </c>
      <c r="E83" s="1">
        <v>7.5</v>
      </c>
      <c r="F83" s="1">
        <v>9.1999999999999993</v>
      </c>
      <c r="G83" s="1">
        <v>13.1</v>
      </c>
      <c r="H83" s="1">
        <v>39</v>
      </c>
      <c r="I83" s="1">
        <v>1.2</v>
      </c>
      <c r="J83" s="1">
        <v>26.7</v>
      </c>
      <c r="K83" s="1">
        <v>10.4</v>
      </c>
      <c r="L83" s="1">
        <v>3.8</v>
      </c>
      <c r="M83" s="1">
        <v>28.7</v>
      </c>
      <c r="N83" s="1">
        <v>2.7</v>
      </c>
      <c r="O83" s="1">
        <v>3.8</v>
      </c>
      <c r="P83" s="1">
        <v>50.5</v>
      </c>
      <c r="Q83" s="1">
        <v>6.5</v>
      </c>
      <c r="R83" s="1">
        <v>14.4</v>
      </c>
      <c r="S83" s="1">
        <v>0.8</v>
      </c>
      <c r="T83" s="1">
        <v>1.1000000000000001</v>
      </c>
      <c r="U83" s="1">
        <v>8.6999999999999993</v>
      </c>
      <c r="V83" s="1">
        <v>20.399999999999999</v>
      </c>
      <c r="W83" s="1">
        <v>19.600000000000001</v>
      </c>
      <c r="X83" s="1">
        <v>3.2</v>
      </c>
      <c r="Y83" s="1">
        <v>0.9</v>
      </c>
      <c r="Z83" s="1">
        <v>37.6</v>
      </c>
      <c r="AA83" s="1">
        <v>11.2</v>
      </c>
      <c r="AB83" s="1">
        <v>45.5</v>
      </c>
      <c r="AC83" s="1">
        <v>15.3</v>
      </c>
      <c r="AD83" s="1">
        <v>9</v>
      </c>
      <c r="AE83" s="1">
        <v>19.5</v>
      </c>
      <c r="AF83" s="1">
        <v>45.9</v>
      </c>
      <c r="AG83" s="1">
        <v>37.200000000000003</v>
      </c>
      <c r="AH83" s="1">
        <v>28.3</v>
      </c>
      <c r="AI83" s="1">
        <v>28.2</v>
      </c>
      <c r="AJ83" s="1">
        <v>18.899999999999999</v>
      </c>
      <c r="AK83" s="1">
        <v>16</v>
      </c>
      <c r="AL83" s="1">
        <v>0.4</v>
      </c>
      <c r="AM83" s="1"/>
      <c r="AN83" s="1">
        <v>484</v>
      </c>
      <c r="AO83" s="1">
        <v>36</v>
      </c>
      <c r="AP83" s="1">
        <v>267</v>
      </c>
      <c r="AQ83" s="1">
        <v>40</v>
      </c>
      <c r="AR83" s="1">
        <v>28</v>
      </c>
      <c r="AS83" s="1">
        <v>2</v>
      </c>
      <c r="AT83" s="1">
        <v>6</v>
      </c>
      <c r="AU83" s="1">
        <v>135</v>
      </c>
      <c r="AV83" s="1">
        <v>117</v>
      </c>
      <c r="AW83" s="1">
        <v>56</v>
      </c>
      <c r="AX83" s="1">
        <v>17</v>
      </c>
      <c r="AY83" s="1">
        <v>3</v>
      </c>
      <c r="AZ83" s="1">
        <v>7</v>
      </c>
      <c r="BA83" s="1">
        <v>5</v>
      </c>
      <c r="BB83" s="1"/>
      <c r="BC83" s="30">
        <v>0.27638888888888891</v>
      </c>
      <c r="BD83" s="30">
        <v>0.29097222222222224</v>
      </c>
      <c r="BE83" s="30">
        <v>0.79513888888888884</v>
      </c>
      <c r="BF83" s="30">
        <v>0.95486111111111116</v>
      </c>
      <c r="BG83" s="30">
        <v>0.3263888888888889</v>
      </c>
      <c r="BR83" s="1"/>
      <c r="BS83" s="1"/>
      <c r="BT83" s="1"/>
      <c r="BU83" s="1"/>
      <c r="BV83" s="1"/>
      <c r="BW83" s="1"/>
      <c r="BX83" s="1"/>
      <c r="BY83" s="1"/>
      <c r="BZ83" s="1"/>
      <c r="CA83" s="1"/>
      <c r="CB83" s="1"/>
      <c r="CC83" s="1"/>
      <c r="CD83" s="1"/>
      <c r="CE83" s="1"/>
      <c r="CF83" s="1"/>
      <c r="CG83" s="1"/>
      <c r="CH83" s="1"/>
      <c r="CI83" s="1"/>
      <c r="CJ83" s="1"/>
      <c r="CK83" s="1"/>
      <c r="CL83" s="1"/>
      <c r="CM83" s="1"/>
      <c r="CN83" s="1"/>
      <c r="CO83" s="1"/>
      <c r="CP83" s="1"/>
      <c r="CQ83" s="1"/>
      <c r="CR83" s="1"/>
      <c r="CS83" s="1"/>
      <c r="CT83" s="1"/>
      <c r="CU83" s="1"/>
      <c r="CV83" s="1"/>
      <c r="CW83" s="1"/>
      <c r="CX83" s="1"/>
      <c r="CY83" s="1"/>
      <c r="CZ83" s="1"/>
      <c r="DB83" s="1"/>
      <c r="DC83" s="1"/>
    </row>
    <row r="84" spans="2:107" x14ac:dyDescent="0.7">
      <c r="B84" s="1">
        <v>66.7</v>
      </c>
      <c r="C84" s="1">
        <v>17.399999999999999</v>
      </c>
      <c r="D84" s="1">
        <v>1.7</v>
      </c>
      <c r="E84" s="1">
        <v>7.8</v>
      </c>
      <c r="F84" s="1">
        <v>7.9</v>
      </c>
      <c r="G84" s="1">
        <v>14.6</v>
      </c>
      <c r="H84" s="1">
        <v>38.4</v>
      </c>
      <c r="I84" s="1">
        <v>0.9</v>
      </c>
      <c r="J84" s="1">
        <v>16</v>
      </c>
      <c r="K84" s="1">
        <v>7.5</v>
      </c>
      <c r="L84" s="1">
        <v>2.2999999999999998</v>
      </c>
      <c r="M84" s="1">
        <v>22.8</v>
      </c>
      <c r="N84" s="1">
        <v>1.8</v>
      </c>
      <c r="O84" s="1">
        <v>2.6</v>
      </c>
      <c r="P84" s="1">
        <v>47.1</v>
      </c>
      <c r="Q84" s="1">
        <v>7.3</v>
      </c>
      <c r="R84" s="1">
        <v>12.7</v>
      </c>
      <c r="S84" s="1">
        <v>0.8</v>
      </c>
      <c r="T84" s="1">
        <v>0.3</v>
      </c>
      <c r="U84" s="1">
        <v>6.8</v>
      </c>
      <c r="V84" s="1">
        <v>21</v>
      </c>
      <c r="W84" s="1">
        <v>17.8</v>
      </c>
      <c r="X84" s="1">
        <v>2.2999999999999998</v>
      </c>
      <c r="Y84" s="1">
        <v>0.9</v>
      </c>
      <c r="Z84" s="1">
        <v>36.9</v>
      </c>
      <c r="AA84" s="1">
        <v>11.1</v>
      </c>
      <c r="AB84" s="1">
        <v>42.4</v>
      </c>
      <c r="AC84" s="1">
        <v>14.2</v>
      </c>
      <c r="AD84" s="1">
        <v>5.8</v>
      </c>
      <c r="AE84" s="1">
        <v>20.7</v>
      </c>
      <c r="AF84" s="1">
        <v>42.3</v>
      </c>
      <c r="AG84" s="1">
        <v>35</v>
      </c>
      <c r="AH84" s="1">
        <v>24.9</v>
      </c>
      <c r="AI84" s="1">
        <v>24.8</v>
      </c>
      <c r="AJ84" s="1">
        <v>16.5</v>
      </c>
      <c r="AK84" s="1">
        <v>14</v>
      </c>
      <c r="AL84" s="1">
        <v>0.5</v>
      </c>
      <c r="AM84" s="1"/>
      <c r="AN84" s="1">
        <v>485</v>
      </c>
      <c r="AO84" s="1">
        <v>31</v>
      </c>
      <c r="AP84" s="1">
        <v>248</v>
      </c>
      <c r="AQ84" s="1">
        <v>39</v>
      </c>
      <c r="AR84" s="1">
        <v>25</v>
      </c>
      <c r="AS84" s="1">
        <v>2</v>
      </c>
      <c r="AT84" s="1">
        <v>4</v>
      </c>
      <c r="AU84" s="1">
        <v>158</v>
      </c>
      <c r="AV84" s="1">
        <v>119</v>
      </c>
      <c r="AW84" s="1">
        <v>59</v>
      </c>
      <c r="AX84" s="1">
        <v>18</v>
      </c>
      <c r="AY84" s="1">
        <v>2</v>
      </c>
      <c r="AZ84" s="1">
        <v>9</v>
      </c>
      <c r="BA84" s="1">
        <v>6</v>
      </c>
      <c r="BB84" s="1"/>
      <c r="BC84" s="30">
        <v>0.26874999999999999</v>
      </c>
      <c r="BD84" s="30">
        <v>0.28055555555555556</v>
      </c>
      <c r="BE84" s="30">
        <v>0.78472222222222221</v>
      </c>
      <c r="BF84" s="30">
        <v>0.9458333333333333</v>
      </c>
      <c r="BG84" s="30">
        <v>0.32847222222222222</v>
      </c>
      <c r="BR84" s="1"/>
      <c r="BS84" s="1"/>
      <c r="BT84" s="1"/>
      <c r="BU84" s="1"/>
      <c r="BV84" s="1"/>
      <c r="BW84" s="1"/>
      <c r="BX84" s="1"/>
      <c r="BY84" s="1"/>
      <c r="BZ84" s="1"/>
      <c r="CA84" s="1"/>
      <c r="CB84" s="1"/>
      <c r="CC84" s="1"/>
      <c r="CD84" s="1"/>
      <c r="CE84" s="1"/>
      <c r="CF84" s="1"/>
      <c r="CG84" s="1"/>
      <c r="CH84" s="1"/>
      <c r="CI84" s="1"/>
      <c r="CJ84" s="1"/>
      <c r="CK84" s="1"/>
      <c r="CL84" s="1"/>
      <c r="CM84" s="1"/>
      <c r="CN84" s="1"/>
      <c r="CO84" s="1"/>
      <c r="CP84" s="1"/>
      <c r="CQ84" s="1"/>
      <c r="CR84" s="1"/>
      <c r="CS84" s="1"/>
      <c r="CT84" s="1"/>
      <c r="CU84" s="1"/>
      <c r="CV84" s="1"/>
      <c r="CW84" s="1"/>
      <c r="CX84" s="1"/>
      <c r="CY84" s="1"/>
      <c r="CZ84" s="1"/>
      <c r="DB84" s="1"/>
      <c r="DC84" s="1"/>
    </row>
    <row r="85" spans="2:107" x14ac:dyDescent="0.7">
      <c r="B85" s="1">
        <v>66.099999999999994</v>
      </c>
      <c r="C85" s="1">
        <v>15.8</v>
      </c>
      <c r="D85" s="1">
        <v>1.7</v>
      </c>
      <c r="E85" s="1">
        <v>7.8</v>
      </c>
      <c r="F85" s="1">
        <v>8.9</v>
      </c>
      <c r="G85" s="1">
        <v>11.2</v>
      </c>
      <c r="H85" s="1">
        <v>36.700000000000003</v>
      </c>
      <c r="I85" s="1">
        <v>1</v>
      </c>
      <c r="J85" s="1">
        <v>16.2</v>
      </c>
      <c r="K85" s="1">
        <v>6.5</v>
      </c>
      <c r="L85" s="1">
        <v>3.2</v>
      </c>
      <c r="M85" s="1">
        <v>22.5</v>
      </c>
      <c r="N85" s="1">
        <v>1.4</v>
      </c>
      <c r="O85" s="1">
        <v>2.1</v>
      </c>
      <c r="P85" s="1">
        <v>44.4</v>
      </c>
      <c r="Q85" s="1">
        <v>5.5</v>
      </c>
      <c r="R85" s="1">
        <v>9.6999999999999993</v>
      </c>
      <c r="S85" s="1">
        <v>1.1000000000000001</v>
      </c>
      <c r="T85" s="1">
        <v>0.5</v>
      </c>
      <c r="U85" s="1">
        <v>6.8</v>
      </c>
      <c r="V85" s="1">
        <v>19.3</v>
      </c>
      <c r="W85" s="1">
        <v>16.5</v>
      </c>
      <c r="X85" s="1">
        <v>1.6</v>
      </c>
      <c r="Y85" s="1">
        <v>0.4</v>
      </c>
      <c r="Z85" s="1">
        <v>36.1</v>
      </c>
      <c r="AA85" s="1">
        <v>9.1999999999999993</v>
      </c>
      <c r="AB85" s="1">
        <v>40.700000000000003</v>
      </c>
      <c r="AC85" s="1">
        <v>11.5</v>
      </c>
      <c r="AD85" s="1">
        <v>5</v>
      </c>
      <c r="AE85" s="1">
        <v>17.5</v>
      </c>
      <c r="AF85" s="1">
        <v>31.4</v>
      </c>
      <c r="AG85" s="1">
        <v>25.5</v>
      </c>
      <c r="AH85" s="1">
        <v>17.2</v>
      </c>
      <c r="AI85" s="1">
        <v>17.2</v>
      </c>
      <c r="AJ85" s="1">
        <v>12.5</v>
      </c>
      <c r="AK85" s="1">
        <v>9.4</v>
      </c>
      <c r="AL85" s="1">
        <v>0.1</v>
      </c>
      <c r="AM85" s="1"/>
      <c r="AN85" s="1">
        <v>479</v>
      </c>
      <c r="AO85" s="1">
        <v>27</v>
      </c>
      <c r="AP85" s="1">
        <v>245</v>
      </c>
      <c r="AQ85" s="1">
        <v>44</v>
      </c>
      <c r="AR85" s="1">
        <v>24</v>
      </c>
      <c r="AS85" s="1">
        <v>1</v>
      </c>
      <c r="AT85" s="1">
        <v>6</v>
      </c>
      <c r="AU85" s="1">
        <v>149</v>
      </c>
      <c r="AV85" s="1">
        <v>125</v>
      </c>
      <c r="AW85" s="1">
        <v>55</v>
      </c>
      <c r="AX85" s="1">
        <v>18</v>
      </c>
      <c r="AY85" s="1">
        <v>2</v>
      </c>
      <c r="AZ85" s="1">
        <v>9</v>
      </c>
      <c r="BA85" s="1">
        <v>6</v>
      </c>
      <c r="BB85" s="1"/>
      <c r="BC85" s="30">
        <v>0.28055555555555556</v>
      </c>
      <c r="BD85" s="30">
        <v>0.2951388888888889</v>
      </c>
      <c r="BE85" s="30">
        <v>0.78263888888888888</v>
      </c>
      <c r="BF85" s="30">
        <v>0.95416666666666672</v>
      </c>
      <c r="BG85" s="30">
        <v>0.33541666666666664</v>
      </c>
      <c r="BR85" s="1"/>
      <c r="BS85" s="1"/>
      <c r="BT85" s="1"/>
      <c r="BU85" s="1"/>
      <c r="BV85" s="1"/>
      <c r="BW85" s="1"/>
      <c r="BX85" s="1"/>
      <c r="BY85" s="1"/>
      <c r="BZ85" s="1"/>
      <c r="CA85" s="1"/>
      <c r="CB85" s="1"/>
      <c r="CC85" s="1"/>
      <c r="CD85" s="1"/>
      <c r="CE85" s="1"/>
      <c r="CF85" s="1"/>
      <c r="CG85" s="1"/>
      <c r="CH85" s="1"/>
      <c r="CI85" s="1"/>
      <c r="CJ85" s="1"/>
      <c r="CK85" s="1"/>
      <c r="CL85" s="1"/>
      <c r="CM85" s="1"/>
      <c r="CN85" s="1"/>
      <c r="CO85" s="1"/>
      <c r="CP85" s="1"/>
      <c r="CQ85" s="1"/>
      <c r="CR85" s="1"/>
      <c r="CS85" s="1"/>
      <c r="CT85" s="1"/>
      <c r="CU85" s="1"/>
      <c r="CV85" s="1"/>
      <c r="CW85" s="1"/>
      <c r="CX85" s="1"/>
      <c r="CY85" s="1"/>
      <c r="CZ85" s="1"/>
      <c r="DB85" s="1"/>
      <c r="DC85" s="1"/>
    </row>
    <row r="86" spans="2:107" x14ac:dyDescent="0.7">
      <c r="B86" s="1">
        <v>66.599999999999994</v>
      </c>
      <c r="C86" s="1">
        <v>16</v>
      </c>
      <c r="D86" s="1">
        <v>0.7</v>
      </c>
      <c r="E86" s="1">
        <v>7.7</v>
      </c>
      <c r="F86" s="1">
        <v>8.1999999999999993</v>
      </c>
      <c r="G86" s="1">
        <v>12.5</v>
      </c>
      <c r="H86" s="1">
        <v>36.4</v>
      </c>
      <c r="I86" s="1">
        <v>1.5</v>
      </c>
      <c r="J86" s="1">
        <v>15.4</v>
      </c>
      <c r="K86" s="1">
        <v>8.8000000000000007</v>
      </c>
      <c r="L86" s="1">
        <v>3.3</v>
      </c>
      <c r="M86" s="1">
        <v>23.8</v>
      </c>
      <c r="N86" s="1">
        <v>2.5</v>
      </c>
      <c r="O86" s="1">
        <v>3.6</v>
      </c>
      <c r="P86" s="1">
        <v>45.9</v>
      </c>
      <c r="Q86" s="1">
        <v>5.9</v>
      </c>
      <c r="R86" s="1">
        <v>13.2</v>
      </c>
      <c r="S86" s="1">
        <v>0.8</v>
      </c>
      <c r="T86" s="1">
        <v>0.6</v>
      </c>
      <c r="U86" s="1">
        <v>7.6</v>
      </c>
      <c r="V86" s="1">
        <v>21.3</v>
      </c>
      <c r="W86" s="1">
        <v>16.2</v>
      </c>
      <c r="X86" s="1">
        <v>2.6</v>
      </c>
      <c r="Y86" s="1">
        <v>0.8</v>
      </c>
      <c r="Z86" s="1">
        <v>36.299999999999997</v>
      </c>
      <c r="AA86" s="1">
        <v>11.1</v>
      </c>
      <c r="AB86" s="1">
        <v>42.1</v>
      </c>
      <c r="AC86" s="1">
        <v>14.7</v>
      </c>
      <c r="AD86" s="1">
        <v>5.7</v>
      </c>
      <c r="AE86" s="1">
        <v>19.100000000000001</v>
      </c>
      <c r="AF86" s="1">
        <v>39.200000000000003</v>
      </c>
      <c r="AG86" s="1">
        <v>32</v>
      </c>
      <c r="AH86" s="1">
        <v>21.4</v>
      </c>
      <c r="AI86" s="1">
        <v>21.4</v>
      </c>
      <c r="AJ86" s="1">
        <v>14.1</v>
      </c>
      <c r="AK86" s="1">
        <v>11.1</v>
      </c>
      <c r="AL86" s="1">
        <v>0.2</v>
      </c>
      <c r="AM86" s="1"/>
      <c r="AN86" s="1">
        <v>484</v>
      </c>
      <c r="AO86" s="1">
        <v>32</v>
      </c>
      <c r="AP86" s="1">
        <v>259</v>
      </c>
      <c r="AQ86" s="1">
        <v>48</v>
      </c>
      <c r="AR86" s="1">
        <v>28</v>
      </c>
      <c r="AS86" s="1">
        <v>2</v>
      </c>
      <c r="AT86" s="1">
        <v>7</v>
      </c>
      <c r="AU86" s="1">
        <v>151</v>
      </c>
      <c r="AV86" s="1">
        <v>110</v>
      </c>
      <c r="AW86" s="1">
        <v>58</v>
      </c>
      <c r="AX86" s="1">
        <v>17</v>
      </c>
      <c r="AY86" s="1">
        <v>3</v>
      </c>
      <c r="AZ86" s="1">
        <v>9</v>
      </c>
      <c r="BA86" s="1">
        <v>5</v>
      </c>
      <c r="BB86" s="1"/>
      <c r="BC86" s="30">
        <v>0.26805555555555555</v>
      </c>
      <c r="BD86" s="30">
        <v>0.28888888888888886</v>
      </c>
      <c r="BE86" s="30">
        <v>0.78888888888888886</v>
      </c>
      <c r="BF86" s="30">
        <v>0.94652777777777775</v>
      </c>
      <c r="BG86" s="30">
        <v>0.32500000000000001</v>
      </c>
      <c r="BR86" s="1"/>
      <c r="BS86" s="1"/>
      <c r="BT86" s="1"/>
      <c r="BU86" s="1"/>
      <c r="BV86" s="1"/>
      <c r="BW86" s="1"/>
      <c r="BX86" s="1"/>
      <c r="BY86" s="1"/>
      <c r="BZ86" s="1"/>
      <c r="CA86" s="1"/>
      <c r="CB86" s="1"/>
      <c r="CC86" s="1"/>
      <c r="CD86" s="1"/>
      <c r="CE86" s="1"/>
      <c r="CF86" s="1"/>
      <c r="CG86" s="1"/>
      <c r="CH86" s="1"/>
      <c r="CI86" s="1"/>
      <c r="CJ86" s="1"/>
      <c r="CK86" s="1"/>
      <c r="CL86" s="1"/>
      <c r="CM86" s="1"/>
      <c r="CN86" s="1"/>
      <c r="CO86" s="1"/>
      <c r="CP86" s="1"/>
      <c r="CQ86" s="1"/>
      <c r="CR86" s="1"/>
      <c r="CS86" s="1"/>
      <c r="CT86" s="1"/>
      <c r="CU86" s="1"/>
      <c r="CV86" s="1"/>
      <c r="CW86" s="1"/>
      <c r="CX86" s="1"/>
      <c r="CY86" s="1"/>
      <c r="CZ86" s="1"/>
      <c r="DB86" s="1"/>
      <c r="DC86" s="1"/>
    </row>
    <row r="87" spans="2:107" x14ac:dyDescent="0.7">
      <c r="B87" s="1">
        <v>66.7</v>
      </c>
      <c r="C87" s="1">
        <v>18</v>
      </c>
      <c r="D87" s="1">
        <v>1.8</v>
      </c>
      <c r="E87" s="1">
        <v>5.8</v>
      </c>
      <c r="F87" s="1">
        <v>8</v>
      </c>
      <c r="G87" s="1">
        <v>12.5</v>
      </c>
      <c r="H87" s="1">
        <v>35.200000000000003</v>
      </c>
      <c r="I87" s="1">
        <v>1.2</v>
      </c>
      <c r="J87" s="1">
        <v>15.7</v>
      </c>
      <c r="K87" s="1">
        <v>6.9</v>
      </c>
      <c r="L87" s="1">
        <v>2.6</v>
      </c>
      <c r="M87" s="1">
        <v>21.4</v>
      </c>
      <c r="N87" s="1">
        <v>1.9</v>
      </c>
      <c r="O87" s="1">
        <v>2.7</v>
      </c>
      <c r="P87" s="1">
        <v>47</v>
      </c>
      <c r="Q87" s="1">
        <v>4.9000000000000004</v>
      </c>
      <c r="R87" s="1">
        <v>12.5</v>
      </c>
      <c r="S87" s="1">
        <v>0.3</v>
      </c>
      <c r="T87" s="1">
        <v>0.3</v>
      </c>
      <c r="U87" s="1">
        <v>5.6</v>
      </c>
      <c r="V87" s="1">
        <v>19.8</v>
      </c>
      <c r="W87" s="1">
        <v>17.899999999999999</v>
      </c>
      <c r="X87" s="1">
        <v>1.6</v>
      </c>
      <c r="Y87" s="1">
        <v>0.8</v>
      </c>
      <c r="Z87" s="1">
        <v>38.4</v>
      </c>
      <c r="AA87" s="1">
        <v>11.3</v>
      </c>
      <c r="AB87" s="1">
        <v>44</v>
      </c>
      <c r="AC87" s="1">
        <v>11.6</v>
      </c>
      <c r="AD87" s="1">
        <v>4.4000000000000004</v>
      </c>
      <c r="AE87" s="1">
        <v>19.899999999999999</v>
      </c>
      <c r="AF87" s="1">
        <v>36.799999999999997</v>
      </c>
      <c r="AG87" s="1">
        <v>30.2</v>
      </c>
      <c r="AH87" s="1">
        <v>18</v>
      </c>
      <c r="AI87" s="1">
        <v>18</v>
      </c>
      <c r="AJ87" s="1">
        <v>12.2</v>
      </c>
      <c r="AK87" s="1">
        <v>8.8000000000000007</v>
      </c>
      <c r="AL87" s="1">
        <v>0.1</v>
      </c>
      <c r="AM87" s="1"/>
      <c r="AN87" s="1">
        <v>479</v>
      </c>
      <c r="AO87" s="1">
        <v>28</v>
      </c>
      <c r="AP87" s="1">
        <v>256</v>
      </c>
      <c r="AQ87" s="1">
        <v>40</v>
      </c>
      <c r="AR87" s="1">
        <v>27</v>
      </c>
      <c r="AS87" s="1">
        <v>5</v>
      </c>
      <c r="AT87" s="1">
        <v>4</v>
      </c>
      <c r="AU87" s="1">
        <v>157</v>
      </c>
      <c r="AV87" s="1">
        <v>118</v>
      </c>
      <c r="AW87" s="1">
        <v>62</v>
      </c>
      <c r="AX87" s="1">
        <v>16</v>
      </c>
      <c r="AY87" s="1">
        <v>3</v>
      </c>
      <c r="AZ87" s="1">
        <v>9</v>
      </c>
      <c r="BA87" s="1">
        <v>7</v>
      </c>
      <c r="BB87" s="1"/>
      <c r="BC87" s="30">
        <v>0.27500000000000002</v>
      </c>
      <c r="BD87" s="30">
        <v>0.29375000000000001</v>
      </c>
      <c r="BE87" s="30">
        <v>0.78541666666666665</v>
      </c>
      <c r="BF87" s="30">
        <v>0.95694444444444449</v>
      </c>
      <c r="BG87" s="30">
        <v>0.33333333333333331</v>
      </c>
      <c r="BR87" s="1"/>
      <c r="BS87" s="1"/>
      <c r="BT87" s="1"/>
      <c r="BU87" s="1"/>
      <c r="BV87" s="1"/>
      <c r="BW87" s="1"/>
      <c r="BX87" s="1"/>
      <c r="BY87" s="1"/>
      <c r="BZ87" s="1"/>
      <c r="CA87" s="1"/>
      <c r="CB87" s="1"/>
      <c r="CC87" s="1"/>
      <c r="CD87" s="1"/>
      <c r="CE87" s="1"/>
      <c r="CF87" s="1"/>
      <c r="CG87" s="1"/>
      <c r="CH87" s="1"/>
      <c r="CI87" s="1"/>
      <c r="CJ87" s="1"/>
      <c r="CK87" s="1"/>
      <c r="CL87" s="1"/>
      <c r="CM87" s="1"/>
      <c r="CN87" s="1"/>
      <c r="CO87" s="1"/>
      <c r="CP87" s="1"/>
      <c r="CQ87" s="1"/>
      <c r="CR87" s="1"/>
      <c r="CS87" s="1"/>
      <c r="CT87" s="1"/>
      <c r="CU87" s="1"/>
      <c r="CV87" s="1"/>
      <c r="CW87" s="1"/>
      <c r="CX87" s="1"/>
      <c r="CY87" s="1"/>
      <c r="CZ87" s="1"/>
      <c r="DB87" s="1"/>
      <c r="DC87" s="1"/>
    </row>
    <row r="88" spans="2:107" x14ac:dyDescent="0.7">
      <c r="B88" s="1">
        <v>64.599999999999994</v>
      </c>
      <c r="C88" s="1">
        <v>19.399999999999999</v>
      </c>
      <c r="D88" s="1">
        <v>1.1000000000000001</v>
      </c>
      <c r="E88" s="1">
        <v>4.8</v>
      </c>
      <c r="F88" s="1">
        <v>8.1</v>
      </c>
      <c r="G88" s="1">
        <v>11.4</v>
      </c>
      <c r="H88" s="1">
        <v>32.5</v>
      </c>
      <c r="I88" s="1">
        <v>1.2</v>
      </c>
      <c r="J88" s="1">
        <v>13.5</v>
      </c>
      <c r="K88" s="1">
        <v>7.1</v>
      </c>
      <c r="L88" s="1">
        <v>2.8</v>
      </c>
      <c r="M88" s="1">
        <v>22.9</v>
      </c>
      <c r="N88" s="1">
        <v>1.7</v>
      </c>
      <c r="O88" s="1">
        <v>3</v>
      </c>
      <c r="P88" s="1">
        <v>45</v>
      </c>
      <c r="Q88" s="1">
        <v>7.7</v>
      </c>
      <c r="R88" s="1">
        <v>11.6</v>
      </c>
      <c r="S88" s="1">
        <v>0.4</v>
      </c>
      <c r="T88" s="1">
        <v>0.6</v>
      </c>
      <c r="U88" s="1">
        <v>6.8</v>
      </c>
      <c r="V88" s="1">
        <v>19.100000000000001</v>
      </c>
      <c r="W88" s="1">
        <v>17.5</v>
      </c>
      <c r="X88" s="1">
        <v>1.7</v>
      </c>
      <c r="Y88" s="1">
        <v>0.7</v>
      </c>
      <c r="Z88" s="1">
        <v>35</v>
      </c>
      <c r="AA88" s="1">
        <v>11.7</v>
      </c>
      <c r="AB88" s="1">
        <v>39.299999999999997</v>
      </c>
      <c r="AC88" s="1">
        <v>14.8</v>
      </c>
      <c r="AD88" s="1">
        <v>7.7</v>
      </c>
      <c r="AE88" s="1">
        <v>20.2</v>
      </c>
      <c r="AF88" s="1">
        <v>38.6</v>
      </c>
      <c r="AG88" s="1">
        <v>31.1</v>
      </c>
      <c r="AH88" s="1">
        <v>20</v>
      </c>
      <c r="AI88" s="1">
        <v>20</v>
      </c>
      <c r="AJ88" s="1">
        <v>12.9</v>
      </c>
      <c r="AK88" s="1">
        <v>11.5</v>
      </c>
      <c r="AL88" s="1">
        <v>0.1</v>
      </c>
      <c r="AM88" s="1"/>
      <c r="AN88" s="1">
        <v>494</v>
      </c>
      <c r="AO88" s="1">
        <v>30</v>
      </c>
      <c r="AP88" s="1">
        <v>255</v>
      </c>
      <c r="AQ88" s="1">
        <v>39</v>
      </c>
      <c r="AR88" s="1">
        <v>26</v>
      </c>
      <c r="AS88" s="1">
        <v>2</v>
      </c>
      <c r="AT88" s="1">
        <v>9</v>
      </c>
      <c r="AU88" s="1">
        <v>142</v>
      </c>
      <c r="AV88" s="1">
        <v>112</v>
      </c>
      <c r="AW88" s="1">
        <v>61</v>
      </c>
      <c r="AX88" s="1">
        <v>16</v>
      </c>
      <c r="AY88" s="1">
        <v>2</v>
      </c>
      <c r="AZ88" s="1">
        <v>9</v>
      </c>
      <c r="BA88" s="1">
        <v>10</v>
      </c>
      <c r="BB88" s="1"/>
      <c r="BC88" s="30">
        <v>0.27916666666666667</v>
      </c>
      <c r="BD88" s="30">
        <v>0.2951388888888889</v>
      </c>
      <c r="BE88" s="30">
        <v>0.78749999999999998</v>
      </c>
      <c r="BF88" s="30">
        <v>0.94444444444444442</v>
      </c>
      <c r="BG88" s="30">
        <v>0.33541666666666664</v>
      </c>
      <c r="BR88" s="1"/>
      <c r="BS88" s="1"/>
      <c r="BT88" s="1"/>
      <c r="BU88" s="1"/>
      <c r="BV88" s="1"/>
      <c r="BW88" s="1"/>
      <c r="BX88" s="1"/>
      <c r="BY88" s="1"/>
      <c r="BZ88" s="1"/>
      <c r="CA88" s="1"/>
      <c r="CB88" s="1"/>
      <c r="CC88" s="1"/>
      <c r="CD88" s="1"/>
      <c r="CE88" s="1"/>
      <c r="CF88" s="1"/>
      <c r="CG88" s="1"/>
      <c r="CH88" s="1"/>
      <c r="CI88" s="1"/>
      <c r="CJ88" s="1"/>
      <c r="CK88" s="1"/>
      <c r="CL88" s="1"/>
      <c r="CM88" s="1"/>
      <c r="CN88" s="1"/>
      <c r="CO88" s="1"/>
      <c r="CP88" s="1"/>
      <c r="CQ88" s="1"/>
      <c r="CR88" s="1"/>
      <c r="CS88" s="1"/>
      <c r="CT88" s="1"/>
      <c r="CU88" s="1"/>
      <c r="CV88" s="1"/>
      <c r="CW88" s="1"/>
      <c r="CX88" s="1"/>
      <c r="CY88" s="1"/>
      <c r="CZ88" s="1"/>
      <c r="DB88" s="1"/>
      <c r="DC88" s="1"/>
    </row>
    <row r="89" spans="2:107" x14ac:dyDescent="0.7">
      <c r="B89" s="1">
        <v>71.599999999999994</v>
      </c>
      <c r="C89" s="1">
        <v>14.4</v>
      </c>
      <c r="D89" s="1">
        <v>0.6</v>
      </c>
      <c r="E89" s="1">
        <v>6.9</v>
      </c>
      <c r="F89" s="1">
        <v>9.1</v>
      </c>
      <c r="G89" s="1">
        <v>14</v>
      </c>
      <c r="H89" s="1">
        <v>41.9</v>
      </c>
      <c r="I89" s="1">
        <v>1.7</v>
      </c>
      <c r="J89" s="1">
        <v>21</v>
      </c>
      <c r="K89" s="1">
        <v>9.1999999999999993</v>
      </c>
      <c r="L89" s="1">
        <v>5.6</v>
      </c>
      <c r="M89" s="1">
        <v>31</v>
      </c>
      <c r="N89" s="1">
        <v>2.7</v>
      </c>
      <c r="O89" s="1">
        <v>4.7</v>
      </c>
      <c r="P89" s="1">
        <v>50.8</v>
      </c>
      <c r="Q89" s="1">
        <v>6.7</v>
      </c>
      <c r="R89" s="1">
        <v>12.3</v>
      </c>
      <c r="S89" s="1">
        <v>0.5</v>
      </c>
      <c r="T89" s="1">
        <v>0.8</v>
      </c>
      <c r="U89" s="1">
        <v>8.8000000000000007</v>
      </c>
      <c r="V89" s="1">
        <v>18.8</v>
      </c>
      <c r="W89" s="1">
        <v>15.3</v>
      </c>
      <c r="X89" s="1">
        <v>2.2000000000000002</v>
      </c>
      <c r="Y89" s="1">
        <v>1.6</v>
      </c>
      <c r="Z89" s="1">
        <v>39.1</v>
      </c>
      <c r="AA89" s="1">
        <v>10.6</v>
      </c>
      <c r="AB89" s="1">
        <v>47.6</v>
      </c>
      <c r="AC89" s="1">
        <v>17.100000000000001</v>
      </c>
      <c r="AD89" s="1">
        <v>7.4</v>
      </c>
      <c r="AE89" s="1">
        <v>19.399999999999999</v>
      </c>
      <c r="AF89" s="1">
        <v>51.6</v>
      </c>
      <c r="AG89" s="1">
        <v>39.200000000000003</v>
      </c>
      <c r="AH89" s="1">
        <v>36.200000000000003</v>
      </c>
      <c r="AI89" s="1">
        <v>36.200000000000003</v>
      </c>
      <c r="AJ89" s="1">
        <v>25.6</v>
      </c>
      <c r="AK89" s="1">
        <v>18</v>
      </c>
      <c r="AL89" s="1">
        <v>0.5</v>
      </c>
      <c r="AM89" s="1"/>
      <c r="AN89" s="1">
        <v>480</v>
      </c>
      <c r="AO89" s="1">
        <v>35</v>
      </c>
      <c r="AP89" s="1">
        <v>264</v>
      </c>
      <c r="AQ89" s="1">
        <v>47</v>
      </c>
      <c r="AR89" s="1">
        <v>21</v>
      </c>
      <c r="AS89" s="1">
        <v>1</v>
      </c>
      <c r="AT89" s="1">
        <v>7</v>
      </c>
      <c r="AU89" s="1">
        <v>134</v>
      </c>
      <c r="AV89" s="1">
        <v>117</v>
      </c>
      <c r="AW89" s="1">
        <v>65</v>
      </c>
      <c r="AX89" s="1">
        <v>17</v>
      </c>
      <c r="AY89" s="1">
        <v>3</v>
      </c>
      <c r="AZ89" s="1">
        <v>7</v>
      </c>
      <c r="BA89" s="1">
        <v>9</v>
      </c>
      <c r="BB89" s="1"/>
      <c r="BC89" s="30">
        <v>0.28819444444444442</v>
      </c>
      <c r="BD89" s="30">
        <v>0.30277777777777776</v>
      </c>
      <c r="BE89" s="30">
        <v>0.79791666666666672</v>
      </c>
      <c r="BF89" s="30">
        <v>0.96736111111111112</v>
      </c>
      <c r="BG89" s="30">
        <v>0.33680555555555558</v>
      </c>
      <c r="BR89" s="1"/>
      <c r="BS89" s="1"/>
      <c r="BT89" s="1"/>
      <c r="BU89" s="1"/>
      <c r="BV89" s="1"/>
      <c r="BW89" s="1"/>
      <c r="BX89" s="1"/>
      <c r="BY89" s="1"/>
      <c r="BZ89" s="1"/>
      <c r="CA89" s="1"/>
      <c r="CB89" s="1"/>
      <c r="CC89" s="1"/>
      <c r="CD89" s="1"/>
      <c r="CE89" s="1"/>
      <c r="CF89" s="1"/>
      <c r="CG89" s="1"/>
      <c r="CH89" s="1"/>
      <c r="CI89" s="1"/>
      <c r="CJ89" s="1"/>
      <c r="CK89" s="1"/>
      <c r="CL89" s="1"/>
      <c r="CM89" s="1"/>
      <c r="CN89" s="1"/>
      <c r="CO89" s="1"/>
      <c r="CP89" s="1"/>
      <c r="CQ89" s="1"/>
      <c r="CR89" s="1"/>
      <c r="CS89" s="1"/>
      <c r="CT89" s="1"/>
      <c r="CU89" s="1"/>
      <c r="CV89" s="1"/>
      <c r="CW89" s="1"/>
      <c r="CX89" s="1"/>
      <c r="CY89" s="1"/>
      <c r="CZ89" s="1"/>
      <c r="DB89" s="1"/>
      <c r="DC89" s="1"/>
    </row>
    <row r="90" spans="2:107" x14ac:dyDescent="0.7">
      <c r="B90" s="1">
        <v>67.900000000000006</v>
      </c>
      <c r="C90" s="1">
        <v>17.100000000000001</v>
      </c>
      <c r="D90" s="1">
        <v>1</v>
      </c>
      <c r="E90" s="1">
        <v>6.9</v>
      </c>
      <c r="F90" s="1">
        <v>7.9</v>
      </c>
      <c r="G90" s="1">
        <v>13.5</v>
      </c>
      <c r="H90" s="1">
        <v>36.1</v>
      </c>
      <c r="I90" s="1">
        <v>1</v>
      </c>
      <c r="J90" s="1">
        <v>16.2</v>
      </c>
      <c r="K90" s="1">
        <v>8.8000000000000007</v>
      </c>
      <c r="L90" s="1">
        <v>3.5</v>
      </c>
      <c r="M90" s="1">
        <v>23.4</v>
      </c>
      <c r="N90" s="1">
        <v>2.2000000000000002</v>
      </c>
      <c r="O90" s="1">
        <v>3.2</v>
      </c>
      <c r="P90" s="1">
        <v>45</v>
      </c>
      <c r="Q90" s="1">
        <v>4.9000000000000004</v>
      </c>
      <c r="R90" s="1">
        <v>13</v>
      </c>
      <c r="S90" s="1">
        <v>0.6</v>
      </c>
      <c r="T90" s="1">
        <v>0.7</v>
      </c>
      <c r="U90" s="1">
        <v>7.3</v>
      </c>
      <c r="V90" s="1">
        <v>22.3</v>
      </c>
      <c r="W90" s="1">
        <v>19.399999999999999</v>
      </c>
      <c r="X90" s="1">
        <v>2.7</v>
      </c>
      <c r="Y90" s="1">
        <v>1.1000000000000001</v>
      </c>
      <c r="Z90" s="1">
        <v>35.1</v>
      </c>
      <c r="AA90" s="1">
        <v>14.8</v>
      </c>
      <c r="AB90" s="1">
        <v>40.799999999999997</v>
      </c>
      <c r="AC90" s="1">
        <v>14.8</v>
      </c>
      <c r="AD90" s="1">
        <v>6.3</v>
      </c>
      <c r="AE90" s="1">
        <v>27.9</v>
      </c>
      <c r="AF90" s="1">
        <v>47.7</v>
      </c>
      <c r="AG90" s="1">
        <v>39.799999999999997</v>
      </c>
      <c r="AH90" s="1">
        <v>30.2</v>
      </c>
      <c r="AI90" s="1">
        <v>30.1</v>
      </c>
      <c r="AJ90" s="1">
        <v>24.8</v>
      </c>
      <c r="AK90" s="1">
        <v>11.6</v>
      </c>
      <c r="AL90" s="1">
        <v>0.3</v>
      </c>
      <c r="AM90" s="1"/>
      <c r="AN90" s="1">
        <v>487</v>
      </c>
      <c r="AO90" s="1">
        <v>33</v>
      </c>
      <c r="AP90" s="1">
        <v>278</v>
      </c>
      <c r="AQ90" s="1">
        <v>45</v>
      </c>
      <c r="AR90" s="1">
        <v>23</v>
      </c>
      <c r="AS90" s="1">
        <v>2</v>
      </c>
      <c r="AT90" s="1">
        <v>6</v>
      </c>
      <c r="AU90" s="1">
        <v>133</v>
      </c>
      <c r="AV90" s="1">
        <v>112</v>
      </c>
      <c r="AW90" s="1">
        <v>51</v>
      </c>
      <c r="AX90" s="1">
        <v>19</v>
      </c>
      <c r="AY90" s="1">
        <v>6</v>
      </c>
      <c r="AZ90" s="1">
        <v>9</v>
      </c>
      <c r="BA90" s="1">
        <v>5</v>
      </c>
      <c r="BB90" s="1"/>
      <c r="BC90" s="30">
        <v>0.27638888888888891</v>
      </c>
      <c r="BD90" s="30">
        <v>0.29236111111111113</v>
      </c>
      <c r="BE90" s="30">
        <v>0.79305555555555551</v>
      </c>
      <c r="BF90" s="30">
        <v>0.95347222222222228</v>
      </c>
      <c r="BG90" s="30">
        <v>0.32916666666666666</v>
      </c>
      <c r="BR90" s="1"/>
      <c r="BS90" s="1"/>
      <c r="BT90" s="1"/>
      <c r="BU90" s="1"/>
      <c r="BV90" s="1"/>
      <c r="BW90" s="1"/>
      <c r="BX90" s="1"/>
      <c r="BY90" s="1"/>
      <c r="BZ90" s="1"/>
      <c r="CA90" s="1"/>
      <c r="CB90" s="1"/>
      <c r="CC90" s="1"/>
      <c r="CD90" s="1"/>
      <c r="CE90" s="1"/>
      <c r="CF90" s="1"/>
      <c r="CG90" s="1"/>
      <c r="CH90" s="1"/>
      <c r="CI90" s="1"/>
      <c r="CJ90" s="1"/>
      <c r="CK90" s="1"/>
      <c r="CL90" s="1"/>
      <c r="CM90" s="1"/>
      <c r="CN90" s="1"/>
      <c r="CO90" s="1"/>
      <c r="CP90" s="1"/>
      <c r="CQ90" s="1"/>
      <c r="CR90" s="1"/>
      <c r="CS90" s="1"/>
      <c r="CT90" s="1"/>
      <c r="CU90" s="1"/>
      <c r="CV90" s="1"/>
      <c r="CW90" s="1"/>
      <c r="CX90" s="1"/>
      <c r="CY90" s="1"/>
      <c r="CZ90" s="1"/>
      <c r="DB90" s="1"/>
      <c r="DC90" s="1"/>
    </row>
    <row r="91" spans="2:107" x14ac:dyDescent="0.7">
      <c r="B91" s="1">
        <v>61.5</v>
      </c>
      <c r="C91" s="1">
        <v>17.899999999999999</v>
      </c>
      <c r="D91" s="1">
        <v>0.4</v>
      </c>
      <c r="E91" s="1">
        <v>5.3</v>
      </c>
      <c r="F91" s="1">
        <v>3.7</v>
      </c>
      <c r="G91" s="1">
        <v>11.1</v>
      </c>
      <c r="H91" s="1">
        <v>33.6</v>
      </c>
      <c r="I91" s="1">
        <v>1.4</v>
      </c>
      <c r="J91" s="1">
        <v>16.3</v>
      </c>
      <c r="K91" s="1">
        <v>7.4</v>
      </c>
      <c r="L91" s="1">
        <v>2.7</v>
      </c>
      <c r="M91" s="1">
        <v>20.399999999999999</v>
      </c>
      <c r="N91" s="1">
        <v>2</v>
      </c>
      <c r="O91" s="1">
        <v>2.5</v>
      </c>
      <c r="P91" s="1">
        <v>43.4</v>
      </c>
      <c r="Q91" s="1">
        <v>5</v>
      </c>
      <c r="R91" s="1">
        <v>11.7</v>
      </c>
      <c r="S91" s="1">
        <v>0.6</v>
      </c>
      <c r="T91" s="1">
        <v>0.5</v>
      </c>
      <c r="U91" s="1">
        <v>5.7</v>
      </c>
      <c r="V91" s="1">
        <v>21.6</v>
      </c>
      <c r="W91" s="1">
        <v>18</v>
      </c>
      <c r="X91" s="1">
        <v>2.1</v>
      </c>
      <c r="Y91" s="1">
        <v>0.7</v>
      </c>
      <c r="Z91" s="1">
        <v>34.4</v>
      </c>
      <c r="AA91" s="1">
        <v>12.2</v>
      </c>
      <c r="AB91" s="1">
        <v>40</v>
      </c>
      <c r="AC91" s="1">
        <v>12.5</v>
      </c>
      <c r="AD91" s="1">
        <v>4.3</v>
      </c>
      <c r="AE91" s="1">
        <v>22</v>
      </c>
      <c r="AF91" s="1">
        <v>33.700000000000003</v>
      </c>
      <c r="AG91" s="1">
        <v>26.6</v>
      </c>
      <c r="AH91" s="1">
        <v>20.9</v>
      </c>
      <c r="AI91" s="1">
        <v>20.7</v>
      </c>
      <c r="AJ91" s="1">
        <v>15.3</v>
      </c>
      <c r="AK91" s="1">
        <v>9.1</v>
      </c>
      <c r="AL91" s="1">
        <v>0.5</v>
      </c>
      <c r="AM91" s="1"/>
      <c r="AN91" s="1">
        <v>482</v>
      </c>
      <c r="AO91" s="1">
        <v>33</v>
      </c>
      <c r="AP91" s="1">
        <v>269</v>
      </c>
      <c r="AQ91" s="1">
        <v>42</v>
      </c>
      <c r="AR91" s="1">
        <v>23</v>
      </c>
      <c r="AS91" s="1">
        <v>3</v>
      </c>
      <c r="AT91" s="1">
        <v>6</v>
      </c>
      <c r="AU91" s="1">
        <v>144</v>
      </c>
      <c r="AV91" s="1">
        <v>119</v>
      </c>
      <c r="AW91" s="1">
        <v>54</v>
      </c>
      <c r="AX91" s="1">
        <v>15</v>
      </c>
      <c r="AY91" s="1">
        <v>4</v>
      </c>
      <c r="AZ91" s="1">
        <v>7</v>
      </c>
      <c r="BA91" s="1">
        <v>7</v>
      </c>
      <c r="BB91" s="1"/>
      <c r="BC91" s="30">
        <v>0.27708333333333335</v>
      </c>
      <c r="BD91" s="30">
        <v>0.29166666666666669</v>
      </c>
      <c r="BE91" s="30">
        <v>0.78888888888888886</v>
      </c>
      <c r="BF91" s="30">
        <v>0.95486111111111116</v>
      </c>
      <c r="BG91" s="30">
        <v>0.32569444444444445</v>
      </c>
      <c r="BR91" s="1"/>
      <c r="BS91" s="1"/>
      <c r="BT91" s="1"/>
      <c r="BU91" s="1"/>
      <c r="BV91" s="1"/>
      <c r="BW91" s="1"/>
      <c r="BX91" s="1"/>
      <c r="BY91" s="1"/>
      <c r="BZ91" s="1"/>
      <c r="CA91" s="1"/>
      <c r="CB91" s="1"/>
      <c r="CC91" s="1"/>
      <c r="CD91" s="1"/>
      <c r="CE91" s="1"/>
      <c r="CF91" s="1"/>
      <c r="CG91" s="1"/>
      <c r="CH91" s="1"/>
      <c r="CI91" s="1"/>
      <c r="CJ91" s="1"/>
      <c r="CK91" s="1"/>
      <c r="CL91" s="1"/>
      <c r="CM91" s="1"/>
      <c r="CN91" s="1"/>
      <c r="CO91" s="1"/>
      <c r="CP91" s="1"/>
      <c r="CQ91" s="1"/>
      <c r="CR91" s="1"/>
      <c r="CS91" s="1"/>
      <c r="CT91" s="1"/>
      <c r="CU91" s="1"/>
      <c r="CV91" s="1"/>
      <c r="CW91" s="1"/>
      <c r="CX91" s="1"/>
      <c r="CY91" s="1"/>
      <c r="CZ91" s="1"/>
      <c r="DB91" s="1"/>
      <c r="DC91" s="1"/>
    </row>
    <row r="92" spans="2:107" x14ac:dyDescent="0.7">
      <c r="B92" s="1">
        <v>71.900000000000006</v>
      </c>
      <c r="C92" s="1">
        <v>19.2</v>
      </c>
      <c r="D92" s="1">
        <v>0.9</v>
      </c>
      <c r="E92" s="1">
        <v>6.2</v>
      </c>
      <c r="F92" s="1">
        <v>8.3000000000000007</v>
      </c>
      <c r="G92" s="1">
        <v>16</v>
      </c>
      <c r="H92" s="1">
        <v>41.7</v>
      </c>
      <c r="I92" s="1">
        <v>1.4</v>
      </c>
      <c r="J92" s="1">
        <v>19.399999999999999</v>
      </c>
      <c r="K92" s="1">
        <v>8.6999999999999993</v>
      </c>
      <c r="L92" s="1">
        <v>4.7</v>
      </c>
      <c r="M92" s="1">
        <v>28.8</v>
      </c>
      <c r="N92" s="1">
        <v>2.2000000000000002</v>
      </c>
      <c r="O92" s="1">
        <v>3.9</v>
      </c>
      <c r="P92" s="1">
        <v>47.6</v>
      </c>
      <c r="Q92" s="1">
        <v>6.8</v>
      </c>
      <c r="R92" s="1">
        <v>14.9</v>
      </c>
      <c r="S92" s="1">
        <v>0.7</v>
      </c>
      <c r="T92" s="1">
        <v>0.9</v>
      </c>
      <c r="U92" s="1">
        <v>7.4</v>
      </c>
      <c r="V92" s="1">
        <v>23.7</v>
      </c>
      <c r="W92" s="1">
        <v>20.3</v>
      </c>
      <c r="X92" s="1">
        <v>2.5</v>
      </c>
      <c r="Y92" s="1">
        <v>0.6</v>
      </c>
      <c r="Z92" s="1">
        <v>35.9</v>
      </c>
      <c r="AA92" s="1">
        <v>12.7</v>
      </c>
      <c r="AB92" s="1">
        <v>42.2</v>
      </c>
      <c r="AC92" s="1">
        <v>16.2</v>
      </c>
      <c r="AD92" s="1">
        <v>7.7</v>
      </c>
      <c r="AE92" s="1">
        <v>25.3</v>
      </c>
      <c r="AF92" s="1">
        <v>50</v>
      </c>
      <c r="AG92" s="1">
        <v>42.6</v>
      </c>
      <c r="AH92" s="1">
        <v>29.8</v>
      </c>
      <c r="AI92" s="1">
        <v>29.7</v>
      </c>
      <c r="AJ92" s="1">
        <v>22.1</v>
      </c>
      <c r="AK92" s="1">
        <v>13.6</v>
      </c>
      <c r="AL92" s="1">
        <v>0.2</v>
      </c>
      <c r="AM92" s="1"/>
      <c r="AN92" s="1">
        <v>484</v>
      </c>
      <c r="AO92" s="1">
        <v>32</v>
      </c>
      <c r="AP92" s="1">
        <v>263</v>
      </c>
      <c r="AQ92" s="1">
        <v>49</v>
      </c>
      <c r="AR92" s="1">
        <v>23</v>
      </c>
      <c r="AS92" s="1">
        <v>4</v>
      </c>
      <c r="AT92" s="1">
        <v>6</v>
      </c>
      <c r="AU92" s="1">
        <v>135</v>
      </c>
      <c r="AV92" s="1">
        <v>124</v>
      </c>
      <c r="AW92" s="1">
        <v>49</v>
      </c>
      <c r="AX92" s="1">
        <v>19</v>
      </c>
      <c r="AY92" s="1">
        <v>3</v>
      </c>
      <c r="AZ92" s="1">
        <v>7</v>
      </c>
      <c r="BA92" s="1">
        <v>8</v>
      </c>
      <c r="BB92" s="1"/>
      <c r="BC92" s="30">
        <v>0.27500000000000002</v>
      </c>
      <c r="BD92" s="30">
        <v>0.29583333333333334</v>
      </c>
      <c r="BE92" s="30">
        <v>0.78680555555555554</v>
      </c>
      <c r="BF92" s="30">
        <v>0.94861111111111107</v>
      </c>
      <c r="BG92" s="30">
        <v>0.3298611111111111</v>
      </c>
      <c r="BR92" s="1"/>
      <c r="BS92" s="1"/>
      <c r="BT92" s="1"/>
      <c r="BU92" s="1"/>
      <c r="BV92" s="1"/>
      <c r="BW92" s="1"/>
      <c r="BX92" s="1"/>
      <c r="BY92" s="1"/>
      <c r="BZ92" s="1"/>
      <c r="CA92" s="1"/>
      <c r="CB92" s="1"/>
      <c r="CC92" s="1"/>
      <c r="CD92" s="1"/>
      <c r="CE92" s="1"/>
      <c r="CF92" s="1"/>
      <c r="CG92" s="1"/>
      <c r="CH92" s="1"/>
      <c r="CI92" s="1"/>
      <c r="CJ92" s="1"/>
      <c r="CK92" s="1"/>
      <c r="CL92" s="1"/>
      <c r="CM92" s="1"/>
      <c r="CN92" s="1"/>
      <c r="CO92" s="1"/>
      <c r="CP92" s="1"/>
      <c r="CQ92" s="1"/>
      <c r="CR92" s="1"/>
      <c r="CS92" s="1"/>
      <c r="CT92" s="1"/>
      <c r="CU92" s="1"/>
      <c r="CV92" s="1"/>
      <c r="CW92" s="1"/>
      <c r="CX92" s="1"/>
      <c r="CY92" s="1"/>
      <c r="CZ92" s="1"/>
      <c r="DB92" s="1"/>
      <c r="DC92" s="1"/>
    </row>
    <row r="93" spans="2:107" x14ac:dyDescent="0.7">
      <c r="B93" s="1">
        <v>67.8</v>
      </c>
      <c r="C93" s="1">
        <v>14.2</v>
      </c>
      <c r="D93" s="1">
        <v>1.4</v>
      </c>
      <c r="E93" s="1">
        <v>6.3</v>
      </c>
      <c r="F93" s="1">
        <v>8.3000000000000007</v>
      </c>
      <c r="G93" s="1">
        <v>12.2</v>
      </c>
      <c r="H93" s="1">
        <v>36.9</v>
      </c>
      <c r="I93" s="1">
        <v>1.1000000000000001</v>
      </c>
      <c r="J93" s="1">
        <v>21.9</v>
      </c>
      <c r="K93" s="1">
        <v>10.5</v>
      </c>
      <c r="L93" s="1">
        <v>4.0999999999999996</v>
      </c>
      <c r="M93" s="1">
        <v>24.1</v>
      </c>
      <c r="N93" s="1">
        <v>2.6</v>
      </c>
      <c r="O93" s="1">
        <v>3.5</v>
      </c>
      <c r="P93" s="1">
        <v>46.3</v>
      </c>
      <c r="Q93" s="1">
        <v>5.4</v>
      </c>
      <c r="R93" s="1">
        <v>11.1</v>
      </c>
      <c r="S93" s="1">
        <v>0.4</v>
      </c>
      <c r="T93" s="1">
        <v>0.6</v>
      </c>
      <c r="U93" s="1">
        <v>6.1</v>
      </c>
      <c r="V93" s="1">
        <v>20.2</v>
      </c>
      <c r="W93" s="1">
        <v>15.7</v>
      </c>
      <c r="X93" s="1">
        <v>1.3</v>
      </c>
      <c r="Y93" s="1">
        <v>0.8</v>
      </c>
      <c r="Z93" s="1">
        <v>34.4</v>
      </c>
      <c r="AA93" s="1">
        <v>13</v>
      </c>
      <c r="AB93" s="1">
        <v>41.1</v>
      </c>
      <c r="AC93" s="1">
        <v>14.8</v>
      </c>
      <c r="AD93" s="1">
        <v>6.3</v>
      </c>
      <c r="AE93" s="1">
        <v>21.7</v>
      </c>
      <c r="AF93" s="1">
        <v>43.8</v>
      </c>
      <c r="AG93" s="1">
        <v>37.299999999999997</v>
      </c>
      <c r="AH93" s="1">
        <v>24.5</v>
      </c>
      <c r="AI93" s="1">
        <v>24.5</v>
      </c>
      <c r="AJ93" s="1">
        <v>17.3</v>
      </c>
      <c r="AK93" s="1">
        <v>12.9</v>
      </c>
      <c r="AL93" s="1">
        <v>0.3</v>
      </c>
      <c r="AM93" s="1"/>
      <c r="AN93" s="1">
        <v>481</v>
      </c>
      <c r="AO93" s="1">
        <v>32</v>
      </c>
      <c r="AP93" s="1">
        <v>254</v>
      </c>
      <c r="AQ93" s="1">
        <v>46</v>
      </c>
      <c r="AR93" s="1">
        <v>27</v>
      </c>
      <c r="AS93" s="1">
        <v>2</v>
      </c>
      <c r="AT93" s="1">
        <v>6</v>
      </c>
      <c r="AU93" s="1">
        <v>143</v>
      </c>
      <c r="AV93" s="1">
        <v>123</v>
      </c>
      <c r="AW93" s="1">
        <v>59</v>
      </c>
      <c r="AX93" s="1">
        <v>19</v>
      </c>
      <c r="AY93" s="1">
        <v>3</v>
      </c>
      <c r="AZ93" s="1">
        <v>9</v>
      </c>
      <c r="BA93" s="1">
        <v>7</v>
      </c>
      <c r="BB93" s="1"/>
      <c r="BC93" s="30">
        <v>0.27777777777777779</v>
      </c>
      <c r="BD93" s="30">
        <v>0.29375000000000001</v>
      </c>
      <c r="BE93" s="30">
        <v>0.78819444444444442</v>
      </c>
      <c r="BF93" s="30">
        <v>0.9555555555555556</v>
      </c>
      <c r="BG93" s="30">
        <v>0.33611111111111114</v>
      </c>
      <c r="BR93" s="1"/>
      <c r="BS93" s="1"/>
      <c r="BT93" s="1"/>
      <c r="BU93" s="1"/>
      <c r="BV93" s="1"/>
      <c r="BW93" s="1"/>
      <c r="BX93" s="1"/>
      <c r="BY93" s="1"/>
      <c r="BZ93" s="1"/>
      <c r="CA93" s="1"/>
      <c r="CB93" s="1"/>
      <c r="CC93" s="1"/>
      <c r="CD93" s="1"/>
      <c r="CE93" s="1"/>
      <c r="CF93" s="1"/>
      <c r="CG93" s="1"/>
      <c r="CH93" s="1"/>
      <c r="CI93" s="1"/>
      <c r="CJ93" s="1"/>
      <c r="CK93" s="1"/>
      <c r="CL93" s="1"/>
      <c r="CM93" s="1"/>
      <c r="CN93" s="1"/>
      <c r="CO93" s="1"/>
      <c r="CP93" s="1"/>
      <c r="CQ93" s="1"/>
      <c r="CR93" s="1"/>
      <c r="CS93" s="1"/>
      <c r="CT93" s="1"/>
      <c r="CU93" s="1"/>
      <c r="CV93" s="1"/>
      <c r="CW93" s="1"/>
      <c r="CX93" s="1"/>
      <c r="CY93" s="1"/>
      <c r="CZ93" s="1"/>
      <c r="DB93" s="1"/>
      <c r="DC93" s="1"/>
    </row>
    <row r="94" spans="2:107" x14ac:dyDescent="0.7">
      <c r="B94" s="1">
        <v>69.099999999999994</v>
      </c>
      <c r="C94" s="1">
        <v>17.3</v>
      </c>
      <c r="D94" s="1">
        <v>0.7</v>
      </c>
      <c r="E94" s="1">
        <v>4.8</v>
      </c>
      <c r="F94" s="1">
        <v>5.5</v>
      </c>
      <c r="G94" s="1">
        <v>13.8</v>
      </c>
      <c r="H94" s="1">
        <v>37.200000000000003</v>
      </c>
      <c r="I94" s="1">
        <v>1.7</v>
      </c>
      <c r="J94" s="1">
        <v>16.8</v>
      </c>
      <c r="K94" s="1">
        <v>7.4</v>
      </c>
      <c r="L94" s="1">
        <v>2.7</v>
      </c>
      <c r="M94" s="1">
        <v>20</v>
      </c>
      <c r="N94" s="1">
        <v>2.2999999999999998</v>
      </c>
      <c r="O94" s="1">
        <v>2.2999999999999998</v>
      </c>
      <c r="P94" s="1">
        <v>45.6</v>
      </c>
      <c r="Q94" s="1">
        <v>6.5</v>
      </c>
      <c r="R94" s="1">
        <v>12</v>
      </c>
      <c r="S94" s="1">
        <v>0.5</v>
      </c>
      <c r="T94" s="1">
        <v>0.9</v>
      </c>
      <c r="U94" s="1">
        <v>7.3</v>
      </c>
      <c r="V94" s="1">
        <v>22.8</v>
      </c>
      <c r="W94" s="1">
        <v>19.100000000000001</v>
      </c>
      <c r="X94" s="1">
        <v>2.1</v>
      </c>
      <c r="Y94" s="1">
        <v>0.8</v>
      </c>
      <c r="Z94" s="1">
        <v>32.299999999999997</v>
      </c>
      <c r="AA94" s="1">
        <v>14.1</v>
      </c>
      <c r="AB94" s="1">
        <v>39.200000000000003</v>
      </c>
      <c r="AC94" s="1">
        <v>11.8</v>
      </c>
      <c r="AD94" s="1">
        <v>6.5</v>
      </c>
      <c r="AE94" s="1">
        <v>20.6</v>
      </c>
      <c r="AF94" s="1">
        <v>41.7</v>
      </c>
      <c r="AG94" s="1">
        <v>33.9</v>
      </c>
      <c r="AH94" s="1">
        <v>21.9</v>
      </c>
      <c r="AI94" s="1">
        <v>21.9</v>
      </c>
      <c r="AJ94" s="1">
        <v>14.3</v>
      </c>
      <c r="AK94" s="1">
        <v>10.9</v>
      </c>
      <c r="AL94" s="1">
        <v>0.3</v>
      </c>
      <c r="AM94" s="1"/>
      <c r="AN94" s="1">
        <v>486</v>
      </c>
      <c r="AO94" s="1">
        <v>27</v>
      </c>
      <c r="AP94" s="1">
        <v>263</v>
      </c>
      <c r="AQ94" s="1">
        <v>45</v>
      </c>
      <c r="AR94" s="1">
        <v>24</v>
      </c>
      <c r="AS94" s="1">
        <v>1</v>
      </c>
      <c r="AT94" s="1">
        <v>6</v>
      </c>
      <c r="AU94" s="1">
        <v>135</v>
      </c>
      <c r="AV94" s="1">
        <v>124</v>
      </c>
      <c r="AW94" s="1">
        <v>58</v>
      </c>
      <c r="AX94" s="1">
        <v>20</v>
      </c>
      <c r="AY94" s="1">
        <v>2</v>
      </c>
      <c r="AZ94" s="1">
        <v>8</v>
      </c>
      <c r="BA94" s="1">
        <v>7</v>
      </c>
      <c r="BB94" s="1"/>
      <c r="BC94" s="30">
        <v>0.27083333333333331</v>
      </c>
      <c r="BD94" s="30">
        <v>0.28611111111111109</v>
      </c>
      <c r="BE94" s="30">
        <v>0.78263888888888888</v>
      </c>
      <c r="BF94" s="30">
        <v>0.94444444444444442</v>
      </c>
      <c r="BG94" s="30">
        <v>0.32916666666666666</v>
      </c>
      <c r="BR94" s="1"/>
      <c r="BS94" s="1"/>
      <c r="BT94" s="1"/>
      <c r="BU94" s="1"/>
      <c r="BV94" s="1"/>
      <c r="BW94" s="1"/>
      <c r="BX94" s="1"/>
      <c r="BY94" s="1"/>
      <c r="BZ94" s="1"/>
      <c r="CA94" s="1"/>
      <c r="CB94" s="1"/>
      <c r="CC94" s="1"/>
      <c r="CD94" s="1"/>
      <c r="CE94" s="1"/>
      <c r="CF94" s="1"/>
      <c r="CG94" s="1"/>
      <c r="CH94" s="1"/>
      <c r="CI94" s="1"/>
      <c r="CJ94" s="1"/>
      <c r="CK94" s="1"/>
      <c r="CL94" s="1"/>
      <c r="CM94" s="1"/>
      <c r="CN94" s="1"/>
      <c r="CO94" s="1"/>
      <c r="CP94" s="1"/>
      <c r="CQ94" s="1"/>
      <c r="CR94" s="1"/>
      <c r="CS94" s="1"/>
      <c r="CT94" s="1"/>
      <c r="CU94" s="1"/>
      <c r="CV94" s="1"/>
      <c r="CW94" s="1"/>
      <c r="CX94" s="1"/>
      <c r="CY94" s="1"/>
      <c r="CZ94" s="1"/>
      <c r="DB94" s="1"/>
      <c r="DC94" s="1"/>
    </row>
    <row r="95" spans="2:107" x14ac:dyDescent="0.7">
      <c r="B95" s="1">
        <v>66.400000000000006</v>
      </c>
      <c r="C95" s="1">
        <v>16.2</v>
      </c>
      <c r="D95" s="1">
        <v>0.2</v>
      </c>
      <c r="E95" s="1">
        <v>5.9</v>
      </c>
      <c r="F95" s="1">
        <v>7.3</v>
      </c>
      <c r="G95" s="1">
        <v>14.5</v>
      </c>
      <c r="H95" s="1">
        <v>36</v>
      </c>
      <c r="I95" s="1">
        <v>1.4</v>
      </c>
      <c r="J95" s="1">
        <v>17</v>
      </c>
      <c r="K95" s="1">
        <v>7.1</v>
      </c>
      <c r="L95" s="1">
        <v>2.9</v>
      </c>
      <c r="M95" s="1">
        <v>23.4</v>
      </c>
      <c r="N95" s="1">
        <v>1.8</v>
      </c>
      <c r="O95" s="1">
        <v>2.6</v>
      </c>
      <c r="P95" s="1">
        <v>44.2</v>
      </c>
      <c r="Q95" s="1">
        <v>6.4</v>
      </c>
      <c r="R95" s="1">
        <v>14.8</v>
      </c>
      <c r="S95" s="1">
        <v>0.6</v>
      </c>
      <c r="T95" s="1">
        <v>1.7</v>
      </c>
      <c r="U95" s="1">
        <v>7.9</v>
      </c>
      <c r="V95" s="1">
        <v>24</v>
      </c>
      <c r="W95" s="1">
        <v>21</v>
      </c>
      <c r="X95" s="1">
        <v>1.6</v>
      </c>
      <c r="Y95" s="1">
        <v>1.5</v>
      </c>
      <c r="Z95" s="1">
        <v>33.9</v>
      </c>
      <c r="AA95" s="1">
        <v>13.2</v>
      </c>
      <c r="AB95" s="1">
        <v>38.6</v>
      </c>
      <c r="AC95" s="1">
        <v>14.6</v>
      </c>
      <c r="AD95" s="1">
        <v>6.4</v>
      </c>
      <c r="AE95" s="1">
        <v>24.3</v>
      </c>
      <c r="AF95" s="1">
        <v>43.5</v>
      </c>
      <c r="AG95" s="1">
        <v>36.700000000000003</v>
      </c>
      <c r="AH95" s="1">
        <v>22.8</v>
      </c>
      <c r="AI95" s="1">
        <v>22.8</v>
      </c>
      <c r="AJ95" s="1">
        <v>16.600000000000001</v>
      </c>
      <c r="AK95" s="1">
        <v>11</v>
      </c>
      <c r="AL95" s="1">
        <v>0.4</v>
      </c>
      <c r="AM95" s="1"/>
      <c r="AN95" s="1">
        <v>492</v>
      </c>
      <c r="AO95" s="1">
        <v>27</v>
      </c>
      <c r="AP95" s="1">
        <v>260</v>
      </c>
      <c r="AQ95" s="1">
        <v>46</v>
      </c>
      <c r="AR95" s="1">
        <v>26</v>
      </c>
      <c r="AS95" s="1">
        <v>2</v>
      </c>
      <c r="AT95" s="1">
        <v>6</v>
      </c>
      <c r="AU95" s="1">
        <v>138</v>
      </c>
      <c r="AV95" s="1">
        <v>118</v>
      </c>
      <c r="AW95" s="1">
        <v>48</v>
      </c>
      <c r="AX95" s="1">
        <v>19</v>
      </c>
      <c r="AY95" s="1">
        <v>2</v>
      </c>
      <c r="AZ95" s="1">
        <v>8</v>
      </c>
      <c r="BA95" s="1">
        <v>11</v>
      </c>
      <c r="BB95" s="1"/>
      <c r="BC95" s="30">
        <v>0.27291666666666664</v>
      </c>
      <c r="BD95" s="30">
        <v>0.29236111111111113</v>
      </c>
      <c r="BE95" s="30">
        <v>0.79166666666666663</v>
      </c>
      <c r="BF95" s="30">
        <v>0.94930555555555551</v>
      </c>
      <c r="BG95" s="30">
        <v>0.32777777777777778</v>
      </c>
      <c r="BR95" s="1"/>
      <c r="BS95" s="1"/>
      <c r="BT95" s="1"/>
      <c r="BU95" s="1"/>
      <c r="BV95" s="1"/>
      <c r="BW95" s="1"/>
      <c r="BX95" s="1"/>
      <c r="BY95" s="1"/>
      <c r="BZ95" s="1"/>
      <c r="CA95" s="1"/>
      <c r="CB95" s="1"/>
      <c r="CC95" s="1"/>
      <c r="CD95" s="1"/>
      <c r="CE95" s="1"/>
      <c r="CF95" s="1"/>
      <c r="CG95" s="1"/>
      <c r="CH95" s="1"/>
      <c r="CI95" s="1"/>
      <c r="CJ95" s="1"/>
      <c r="CK95" s="1"/>
      <c r="CL95" s="1"/>
      <c r="CM95" s="1"/>
      <c r="CN95" s="1"/>
      <c r="CO95" s="1"/>
      <c r="CP95" s="1"/>
      <c r="CQ95" s="1"/>
      <c r="CR95" s="1"/>
      <c r="CS95" s="1"/>
      <c r="CT95" s="1"/>
      <c r="CU95" s="1"/>
      <c r="CV95" s="1"/>
      <c r="CW95" s="1"/>
      <c r="CX95" s="1"/>
      <c r="CY95" s="1"/>
      <c r="CZ95" s="1"/>
      <c r="DB95" s="1"/>
      <c r="DC95" s="1"/>
    </row>
    <row r="96" spans="2:107" x14ac:dyDescent="0.7">
      <c r="B96" s="1">
        <v>68.7</v>
      </c>
      <c r="C96" s="1">
        <v>15.9</v>
      </c>
      <c r="D96" s="1">
        <v>0.4</v>
      </c>
      <c r="E96" s="1">
        <v>2.1</v>
      </c>
      <c r="F96" s="1">
        <v>7.2</v>
      </c>
      <c r="G96" s="1">
        <v>14.9</v>
      </c>
      <c r="H96" s="1">
        <v>36.799999999999997</v>
      </c>
      <c r="I96" s="1">
        <v>1.4</v>
      </c>
      <c r="J96" s="1">
        <v>16.8</v>
      </c>
      <c r="K96" s="1">
        <v>5.5</v>
      </c>
      <c r="L96" s="1">
        <v>2.7</v>
      </c>
      <c r="M96" s="1">
        <v>19.600000000000001</v>
      </c>
      <c r="N96" s="1">
        <v>1.8</v>
      </c>
      <c r="O96" s="1">
        <v>1.9</v>
      </c>
      <c r="P96" s="1">
        <v>45.9</v>
      </c>
      <c r="Q96" s="1">
        <v>8.6999999999999993</v>
      </c>
      <c r="R96" s="1">
        <v>12.1</v>
      </c>
      <c r="S96" s="1">
        <v>0.1</v>
      </c>
      <c r="T96" s="1">
        <v>0.6</v>
      </c>
      <c r="U96" s="1">
        <v>6.1</v>
      </c>
      <c r="V96" s="1">
        <v>17.5</v>
      </c>
      <c r="W96" s="1">
        <v>19.2</v>
      </c>
      <c r="X96" s="1">
        <v>1.9</v>
      </c>
      <c r="Y96" s="1">
        <v>0.4</v>
      </c>
      <c r="Z96" s="1">
        <v>35.1</v>
      </c>
      <c r="AA96" s="1">
        <v>5.7</v>
      </c>
      <c r="AB96" s="1">
        <v>38.200000000000003</v>
      </c>
      <c r="AC96" s="1">
        <v>9.1999999999999993</v>
      </c>
      <c r="AD96" s="1">
        <v>4.3</v>
      </c>
      <c r="AE96" s="1">
        <v>17.8</v>
      </c>
      <c r="AF96" s="1">
        <v>27.2</v>
      </c>
      <c r="AG96" s="1">
        <v>21.2</v>
      </c>
      <c r="AH96" s="1">
        <v>14.3</v>
      </c>
      <c r="AI96" s="1">
        <v>14.1</v>
      </c>
      <c r="AJ96" s="1">
        <v>11.1</v>
      </c>
      <c r="AK96" s="1">
        <v>4.3</v>
      </c>
      <c r="AL96" s="1">
        <v>0.4</v>
      </c>
      <c r="AM96" s="1"/>
      <c r="AN96" s="1">
        <v>484</v>
      </c>
      <c r="AO96" s="1">
        <v>35</v>
      </c>
      <c r="AP96" s="1">
        <v>268</v>
      </c>
      <c r="AQ96" s="1">
        <v>50</v>
      </c>
      <c r="AR96" s="1">
        <v>26</v>
      </c>
      <c r="AS96" s="1">
        <v>2</v>
      </c>
      <c r="AT96" s="1">
        <v>7</v>
      </c>
      <c r="AU96" s="1">
        <v>130</v>
      </c>
      <c r="AV96" s="1">
        <v>114</v>
      </c>
      <c r="AW96" s="1">
        <v>49</v>
      </c>
      <c r="AX96" s="1">
        <v>21</v>
      </c>
      <c r="AY96" s="1">
        <v>2</v>
      </c>
      <c r="AZ96" s="1">
        <v>13</v>
      </c>
      <c r="BA96" s="1">
        <v>6</v>
      </c>
      <c r="BB96" s="1"/>
      <c r="BC96" s="30">
        <v>0.2722222222222222</v>
      </c>
      <c r="BD96" s="30">
        <v>0.29652777777777778</v>
      </c>
      <c r="BE96" s="30">
        <v>0.7944444444444444</v>
      </c>
      <c r="BF96" s="30">
        <v>0.95347222222222228</v>
      </c>
      <c r="BG96" s="30">
        <v>0.33055555555555555</v>
      </c>
      <c r="BR96" s="1"/>
      <c r="BS96" s="1"/>
      <c r="BT96" s="1"/>
      <c r="BU96" s="1"/>
      <c r="BV96" s="1"/>
      <c r="BW96" s="1"/>
      <c r="BX96" s="1"/>
      <c r="BY96" s="1"/>
      <c r="BZ96" s="1"/>
      <c r="CA96" s="1"/>
      <c r="CB96" s="1"/>
      <c r="CC96" s="1"/>
      <c r="CD96" s="1"/>
      <c r="CE96" s="1"/>
      <c r="CF96" s="1"/>
      <c r="CG96" s="1"/>
      <c r="CH96" s="1"/>
      <c r="CI96" s="1"/>
      <c r="CJ96" s="1"/>
      <c r="CK96" s="1"/>
      <c r="CL96" s="1"/>
      <c r="CM96" s="1"/>
      <c r="CN96" s="1"/>
      <c r="CO96" s="1"/>
      <c r="CP96" s="1"/>
      <c r="CQ96" s="1"/>
      <c r="CR96" s="1"/>
      <c r="CS96" s="1"/>
      <c r="CT96" s="1"/>
      <c r="CU96" s="1"/>
      <c r="CV96" s="1"/>
      <c r="CW96" s="1"/>
      <c r="CX96" s="1"/>
      <c r="CY96" s="1"/>
      <c r="CZ96" s="1"/>
      <c r="DB96" s="1"/>
      <c r="DC96" s="1"/>
    </row>
    <row r="97" spans="2:107" x14ac:dyDescent="0.7">
      <c r="B97" s="1">
        <v>63.3</v>
      </c>
      <c r="C97" s="1">
        <v>3.7</v>
      </c>
      <c r="D97" s="1">
        <v>2.2999999999999998</v>
      </c>
      <c r="E97" s="1">
        <v>7</v>
      </c>
      <c r="F97" s="1">
        <v>6.1</v>
      </c>
      <c r="G97" s="1">
        <v>7.4</v>
      </c>
      <c r="H97" s="1">
        <v>48.2</v>
      </c>
      <c r="I97" s="1">
        <v>9.3000000000000007</v>
      </c>
      <c r="J97" s="1">
        <v>11</v>
      </c>
      <c r="K97" s="1">
        <v>12.9</v>
      </c>
      <c r="L97" s="1">
        <v>8.4</v>
      </c>
      <c r="M97" s="1">
        <v>30.8</v>
      </c>
      <c r="N97" s="1">
        <v>4.8</v>
      </c>
      <c r="O97" s="1">
        <v>7.2</v>
      </c>
      <c r="P97" s="1">
        <v>53.7</v>
      </c>
      <c r="Q97" s="1">
        <v>11.9</v>
      </c>
      <c r="R97" s="1">
        <v>13.8</v>
      </c>
      <c r="S97" s="1">
        <v>10.1</v>
      </c>
      <c r="T97" s="1">
        <v>16.5</v>
      </c>
      <c r="U97" s="1">
        <v>28.5</v>
      </c>
      <c r="V97" s="1">
        <v>31.4</v>
      </c>
      <c r="W97" s="1">
        <v>4.8</v>
      </c>
      <c r="X97" s="1">
        <v>4.3</v>
      </c>
      <c r="Y97" s="1">
        <v>2</v>
      </c>
      <c r="Z97" s="1">
        <v>33.700000000000003</v>
      </c>
      <c r="AA97" s="1">
        <v>2.5</v>
      </c>
      <c r="AB97" s="1">
        <v>39.299999999999997</v>
      </c>
      <c r="AC97" s="1">
        <v>20.8</v>
      </c>
      <c r="AD97" s="1">
        <v>4.8</v>
      </c>
      <c r="AE97" s="1">
        <v>17.5</v>
      </c>
      <c r="AF97" s="1">
        <v>50.1</v>
      </c>
      <c r="AG97" s="1">
        <v>40.9</v>
      </c>
      <c r="AH97" s="1">
        <v>32.5</v>
      </c>
      <c r="AI97" s="1">
        <v>32.5</v>
      </c>
      <c r="AJ97" s="1">
        <v>24.9</v>
      </c>
      <c r="AK97" s="1">
        <v>14.4</v>
      </c>
      <c r="AL97" s="1">
        <v>0.4</v>
      </c>
      <c r="AM97" s="1"/>
      <c r="AN97" s="1">
        <v>469</v>
      </c>
      <c r="AO97" s="1">
        <v>24</v>
      </c>
      <c r="AP97" s="1">
        <v>152</v>
      </c>
      <c r="AQ97" s="1">
        <v>37</v>
      </c>
      <c r="AR97" s="1">
        <v>146</v>
      </c>
      <c r="AS97" s="1">
        <v>4</v>
      </c>
      <c r="AT97" s="1">
        <v>21</v>
      </c>
      <c r="AU97" s="1">
        <v>125</v>
      </c>
      <c r="AV97" s="1">
        <v>116</v>
      </c>
      <c r="AW97" s="1">
        <v>37</v>
      </c>
      <c r="AX97" s="1">
        <v>10</v>
      </c>
      <c r="AY97" s="1">
        <v>2</v>
      </c>
      <c r="AZ97" s="1">
        <v>12</v>
      </c>
      <c r="BA97" s="1">
        <v>8</v>
      </c>
      <c r="BB97" s="1"/>
      <c r="BC97" s="30">
        <v>0.27291666666666664</v>
      </c>
      <c r="BD97" s="30">
        <v>0.3034722222222222</v>
      </c>
      <c r="BE97" s="30">
        <v>0.78402777777777777</v>
      </c>
      <c r="BF97" s="30">
        <v>0.95972222222222225</v>
      </c>
      <c r="BG97" s="30">
        <v>0.36388888888888887</v>
      </c>
      <c r="BR97" s="1"/>
      <c r="BS97" s="1"/>
      <c r="BT97" s="1"/>
      <c r="BU97" s="1"/>
      <c r="BV97" s="1"/>
      <c r="BW97" s="1"/>
      <c r="BX97" s="1"/>
      <c r="BY97" s="1"/>
      <c r="BZ97" s="1"/>
      <c r="CA97" s="1"/>
      <c r="CB97" s="1"/>
      <c r="CC97" s="1"/>
      <c r="CD97" s="1"/>
      <c r="CE97" s="1"/>
      <c r="CF97" s="1"/>
      <c r="CG97" s="1"/>
      <c r="CH97" s="1"/>
      <c r="CI97" s="1"/>
      <c r="CJ97" s="1"/>
      <c r="CK97" s="1"/>
      <c r="CL97" s="1"/>
      <c r="CM97" s="1"/>
      <c r="CN97" s="1"/>
      <c r="CO97" s="1"/>
      <c r="CP97" s="1"/>
      <c r="CQ97" s="1"/>
      <c r="CR97" s="1"/>
      <c r="CS97" s="1"/>
      <c r="CT97" s="1"/>
      <c r="CU97" s="1"/>
      <c r="CV97" s="1"/>
      <c r="CW97" s="1"/>
      <c r="CX97" s="1"/>
      <c r="CY97" s="1"/>
      <c r="CZ97" s="1"/>
      <c r="DB97" s="1"/>
      <c r="DC97" s="1"/>
    </row>
    <row r="98" spans="2:107" x14ac:dyDescent="0.7">
      <c r="B98" s="1">
        <v>58.8</v>
      </c>
      <c r="C98" s="1">
        <v>4.8</v>
      </c>
      <c r="D98" s="1">
        <v>6.3</v>
      </c>
      <c r="E98" s="1">
        <v>5</v>
      </c>
      <c r="F98" s="1">
        <v>4.9000000000000004</v>
      </c>
      <c r="G98" s="1">
        <v>6.4</v>
      </c>
      <c r="H98" s="1">
        <v>43.8</v>
      </c>
      <c r="I98" s="1">
        <v>7.7</v>
      </c>
      <c r="J98" s="1">
        <v>11.7</v>
      </c>
      <c r="K98" s="1">
        <v>9.9</v>
      </c>
      <c r="L98" s="1">
        <v>5.0999999999999996</v>
      </c>
      <c r="M98" s="1">
        <v>23.2</v>
      </c>
      <c r="N98" s="1">
        <v>4.7</v>
      </c>
      <c r="O98" s="1">
        <v>6.6</v>
      </c>
      <c r="P98" s="1">
        <v>51.6</v>
      </c>
      <c r="Q98" s="1">
        <v>9.6999999999999993</v>
      </c>
      <c r="R98" s="1">
        <v>15.6</v>
      </c>
      <c r="S98" s="1">
        <v>10.5</v>
      </c>
      <c r="T98" s="1">
        <v>19</v>
      </c>
      <c r="U98" s="1">
        <v>27</v>
      </c>
      <c r="V98" s="1">
        <v>31</v>
      </c>
      <c r="W98" s="1">
        <v>5.2</v>
      </c>
      <c r="X98" s="1">
        <v>3.6</v>
      </c>
      <c r="Y98" s="1">
        <v>1.3</v>
      </c>
      <c r="Z98" s="1">
        <v>32.4</v>
      </c>
      <c r="AA98" s="1">
        <v>3.9</v>
      </c>
      <c r="AB98" s="1">
        <v>41.6</v>
      </c>
      <c r="AC98" s="1">
        <v>17.100000000000001</v>
      </c>
      <c r="AD98" s="1">
        <v>7.7</v>
      </c>
      <c r="AE98" s="1">
        <v>15.6</v>
      </c>
      <c r="AF98" s="1">
        <v>51.3</v>
      </c>
      <c r="AG98" s="1">
        <v>40.4</v>
      </c>
      <c r="AH98" s="1">
        <v>34.200000000000003</v>
      </c>
      <c r="AI98" s="1">
        <v>34</v>
      </c>
      <c r="AJ98" s="1">
        <v>24</v>
      </c>
      <c r="AK98" s="1">
        <v>18</v>
      </c>
      <c r="AL98" s="1">
        <v>0.4</v>
      </c>
      <c r="AM98" s="1"/>
      <c r="AN98" s="1">
        <v>479</v>
      </c>
      <c r="AO98" s="1">
        <v>18</v>
      </c>
      <c r="AP98" s="1">
        <v>143</v>
      </c>
      <c r="AQ98" s="1">
        <v>29</v>
      </c>
      <c r="AR98" s="1">
        <v>143</v>
      </c>
      <c r="AS98" s="1">
        <v>5</v>
      </c>
      <c r="AT98" s="1">
        <v>19</v>
      </c>
      <c r="AU98" s="1">
        <v>152</v>
      </c>
      <c r="AV98" s="1">
        <v>123</v>
      </c>
      <c r="AW98" s="1">
        <v>40</v>
      </c>
      <c r="AX98" s="1">
        <v>8</v>
      </c>
      <c r="AY98" s="1">
        <v>2</v>
      </c>
      <c r="AZ98" s="1">
        <v>10</v>
      </c>
      <c r="BA98" s="1">
        <v>8</v>
      </c>
      <c r="BB98" s="1"/>
      <c r="BC98" s="30">
        <v>0.2722222222222222</v>
      </c>
      <c r="BD98" s="30">
        <v>0.30625000000000002</v>
      </c>
      <c r="BE98" s="30">
        <v>0.76944444444444449</v>
      </c>
      <c r="BF98" s="30">
        <v>0.95208333333333328</v>
      </c>
      <c r="BG98" s="30">
        <v>0.36388888888888887</v>
      </c>
      <c r="BR98" s="1"/>
      <c r="BS98" s="1"/>
      <c r="BT98" s="1"/>
      <c r="BU98" s="1"/>
      <c r="BV98" s="1"/>
      <c r="BW98" s="1"/>
      <c r="BX98" s="1"/>
      <c r="BY98" s="1"/>
      <c r="BZ98" s="1"/>
      <c r="CA98" s="1"/>
      <c r="CB98" s="1"/>
      <c r="CC98" s="1"/>
      <c r="CD98" s="1"/>
      <c r="CE98" s="1"/>
      <c r="CF98" s="1"/>
      <c r="CG98" s="1"/>
      <c r="CH98" s="1"/>
      <c r="CI98" s="1"/>
      <c r="CJ98" s="1"/>
      <c r="CK98" s="1"/>
      <c r="CL98" s="1"/>
      <c r="CM98" s="1"/>
      <c r="CN98" s="1"/>
      <c r="CO98" s="1"/>
      <c r="CP98" s="1"/>
      <c r="CQ98" s="1"/>
      <c r="CR98" s="1"/>
      <c r="CS98" s="1"/>
      <c r="CT98" s="1"/>
      <c r="CU98" s="1"/>
      <c r="CV98" s="1"/>
      <c r="CW98" s="1"/>
      <c r="CX98" s="1"/>
      <c r="CY98" s="1"/>
      <c r="CZ98" s="1"/>
      <c r="DB98" s="1"/>
      <c r="DC98" s="1"/>
    </row>
    <row r="99" spans="2:107" x14ac:dyDescent="0.7">
      <c r="B99" s="1">
        <v>46.1</v>
      </c>
      <c r="C99" s="1">
        <v>4.5</v>
      </c>
      <c r="D99" s="1">
        <v>3.1</v>
      </c>
      <c r="E99" s="1">
        <v>3.9</v>
      </c>
      <c r="F99" s="1">
        <v>2.4</v>
      </c>
      <c r="G99" s="1">
        <v>6</v>
      </c>
      <c r="H99" s="1">
        <v>34</v>
      </c>
      <c r="I99" s="1">
        <v>4.4000000000000004</v>
      </c>
      <c r="J99" s="1">
        <v>8.9</v>
      </c>
      <c r="K99" s="1">
        <v>8.9</v>
      </c>
      <c r="L99" s="1">
        <v>3.7</v>
      </c>
      <c r="M99" s="1">
        <v>21.6</v>
      </c>
      <c r="N99" s="1">
        <v>2.4</v>
      </c>
      <c r="O99" s="1">
        <v>3.7</v>
      </c>
      <c r="P99" s="1">
        <v>43</v>
      </c>
      <c r="Q99" s="1">
        <v>6.1</v>
      </c>
      <c r="R99" s="1">
        <v>10.7</v>
      </c>
      <c r="S99" s="1">
        <v>7.7</v>
      </c>
      <c r="T99" s="1">
        <v>15.3</v>
      </c>
      <c r="U99" s="1">
        <v>21.3</v>
      </c>
      <c r="V99" s="1">
        <v>29.2</v>
      </c>
      <c r="W99" s="1">
        <v>3</v>
      </c>
      <c r="X99" s="1">
        <v>1.9</v>
      </c>
      <c r="Y99" s="1">
        <v>0.9</v>
      </c>
      <c r="Z99" s="1">
        <v>26.3</v>
      </c>
      <c r="AA99" s="1">
        <v>2.6</v>
      </c>
      <c r="AB99" s="1">
        <v>30.7</v>
      </c>
      <c r="AC99" s="1">
        <v>11.3</v>
      </c>
      <c r="AD99" s="1">
        <v>3.7</v>
      </c>
      <c r="AE99" s="1">
        <v>12.5</v>
      </c>
      <c r="AF99" s="1">
        <v>36.5</v>
      </c>
      <c r="AG99" s="1">
        <v>30</v>
      </c>
      <c r="AH99" s="1">
        <v>19.399999999999999</v>
      </c>
      <c r="AI99" s="1">
        <v>19.3</v>
      </c>
      <c r="AJ99" s="1">
        <v>13.7</v>
      </c>
      <c r="AK99" s="1">
        <v>8.9</v>
      </c>
      <c r="AL99" s="1">
        <v>0.3</v>
      </c>
      <c r="AM99" s="1"/>
      <c r="AN99" s="1">
        <v>484</v>
      </c>
      <c r="AO99" s="1">
        <v>18</v>
      </c>
      <c r="AP99" s="1">
        <v>169</v>
      </c>
      <c r="AQ99" s="1">
        <v>35</v>
      </c>
      <c r="AR99" s="1">
        <v>141</v>
      </c>
      <c r="AS99" s="1">
        <v>3</v>
      </c>
      <c r="AT99" s="1">
        <v>15</v>
      </c>
      <c r="AU99" s="1">
        <v>147</v>
      </c>
      <c r="AV99" s="1">
        <v>115</v>
      </c>
      <c r="AW99" s="1">
        <v>31</v>
      </c>
      <c r="AX99" s="1">
        <v>6</v>
      </c>
      <c r="AY99" s="1">
        <v>1</v>
      </c>
      <c r="AZ99" s="1">
        <v>9</v>
      </c>
      <c r="BA99" s="1">
        <v>8</v>
      </c>
      <c r="BB99" s="1"/>
      <c r="BC99" s="30">
        <v>0.25555555555555554</v>
      </c>
      <c r="BD99" s="30">
        <v>0.29444444444444445</v>
      </c>
      <c r="BE99" s="30">
        <v>0.76736111111111116</v>
      </c>
      <c r="BF99" s="30">
        <v>0.93402777777777779</v>
      </c>
      <c r="BG99" s="30">
        <v>0.35</v>
      </c>
      <c r="BR99" s="1"/>
      <c r="BS99" s="1"/>
      <c r="BT99" s="1"/>
      <c r="BU99" s="1"/>
      <c r="BV99" s="1"/>
      <c r="BW99" s="1"/>
      <c r="BX99" s="1"/>
      <c r="BY99" s="1"/>
      <c r="BZ99" s="1"/>
      <c r="CA99" s="1"/>
      <c r="CB99" s="1"/>
      <c r="CC99" s="1"/>
      <c r="CD99" s="1"/>
      <c r="CE99" s="1"/>
      <c r="CF99" s="1"/>
      <c r="CG99" s="1"/>
      <c r="CH99" s="1"/>
      <c r="CI99" s="1"/>
      <c r="CJ99" s="1"/>
      <c r="CK99" s="1"/>
      <c r="CL99" s="1"/>
      <c r="CM99" s="1"/>
      <c r="CN99" s="1"/>
      <c r="CO99" s="1"/>
      <c r="CP99" s="1"/>
      <c r="CQ99" s="1"/>
      <c r="CR99" s="1"/>
      <c r="CS99" s="1"/>
      <c r="CT99" s="1"/>
      <c r="CU99" s="1"/>
      <c r="CV99" s="1"/>
      <c r="CW99" s="1"/>
      <c r="CX99" s="1"/>
      <c r="CY99" s="1"/>
      <c r="CZ99" s="1"/>
      <c r="DB99" s="1"/>
      <c r="DC99" s="1"/>
    </row>
    <row r="100" spans="2:107" x14ac:dyDescent="0.7">
      <c r="B100" s="1">
        <v>55.2</v>
      </c>
      <c r="C100" s="1">
        <v>4.3</v>
      </c>
      <c r="D100" s="1">
        <v>3</v>
      </c>
      <c r="E100" s="1">
        <v>5.0999999999999996</v>
      </c>
      <c r="F100" s="1">
        <v>3.6</v>
      </c>
      <c r="G100" s="1">
        <v>7</v>
      </c>
      <c r="H100" s="1">
        <v>40.299999999999997</v>
      </c>
      <c r="I100" s="1">
        <v>6.2</v>
      </c>
      <c r="J100" s="1">
        <v>10.8</v>
      </c>
      <c r="K100" s="1">
        <v>10.8</v>
      </c>
      <c r="L100" s="1">
        <v>5.0999999999999996</v>
      </c>
      <c r="M100" s="1">
        <v>20.8</v>
      </c>
      <c r="N100" s="1">
        <v>4.9000000000000004</v>
      </c>
      <c r="O100" s="1">
        <v>5.9</v>
      </c>
      <c r="P100" s="1">
        <v>46</v>
      </c>
      <c r="Q100" s="1">
        <v>9.1</v>
      </c>
      <c r="R100" s="1">
        <v>10.9</v>
      </c>
      <c r="S100" s="1">
        <v>10.5</v>
      </c>
      <c r="T100" s="1">
        <v>19.7</v>
      </c>
      <c r="U100" s="1">
        <v>27.5</v>
      </c>
      <c r="V100" s="1">
        <v>36.200000000000003</v>
      </c>
      <c r="W100" s="1">
        <v>5.2</v>
      </c>
      <c r="X100" s="1">
        <v>3.2</v>
      </c>
      <c r="Y100" s="1">
        <v>2.2000000000000002</v>
      </c>
      <c r="Z100" s="1">
        <v>29.1</v>
      </c>
      <c r="AA100" s="1">
        <v>3</v>
      </c>
      <c r="AB100" s="1">
        <v>33.5</v>
      </c>
      <c r="AC100" s="1">
        <v>8.9</v>
      </c>
      <c r="AD100" s="1">
        <v>2.8</v>
      </c>
      <c r="AE100" s="1">
        <v>24.7</v>
      </c>
      <c r="AF100" s="1">
        <v>47.7</v>
      </c>
      <c r="AG100" s="1">
        <v>39.5</v>
      </c>
      <c r="AH100" s="1">
        <v>28</v>
      </c>
      <c r="AI100" s="1">
        <v>27.9</v>
      </c>
      <c r="AJ100" s="1">
        <v>21.9</v>
      </c>
      <c r="AK100" s="1">
        <v>10.8</v>
      </c>
      <c r="AL100" s="1">
        <v>0.1</v>
      </c>
      <c r="AM100" s="1"/>
      <c r="AN100" s="1">
        <v>476</v>
      </c>
      <c r="AO100" s="1">
        <v>20</v>
      </c>
      <c r="AP100" s="1">
        <v>179</v>
      </c>
      <c r="AQ100" s="1">
        <v>41</v>
      </c>
      <c r="AR100" s="1">
        <v>137</v>
      </c>
      <c r="AS100" s="1">
        <v>3</v>
      </c>
      <c r="AT100" s="1">
        <v>14</v>
      </c>
      <c r="AU100" s="1">
        <v>127</v>
      </c>
      <c r="AV100" s="1">
        <v>119</v>
      </c>
      <c r="AW100" s="1">
        <v>32</v>
      </c>
      <c r="AX100" s="1">
        <v>8</v>
      </c>
      <c r="AY100" s="1">
        <v>2</v>
      </c>
      <c r="AZ100" s="1">
        <v>9</v>
      </c>
      <c r="BA100" s="1">
        <v>7</v>
      </c>
      <c r="BB100" s="1"/>
      <c r="BC100" s="30">
        <v>0.25972222222222224</v>
      </c>
      <c r="BD100" s="30">
        <v>0.29444444444444445</v>
      </c>
      <c r="BE100" s="30">
        <v>0.77847222222222223</v>
      </c>
      <c r="BF100" s="30">
        <v>0.9375</v>
      </c>
      <c r="BG100" s="30">
        <v>0.35</v>
      </c>
      <c r="BR100" s="1"/>
      <c r="BS100" s="1"/>
      <c r="BT100" s="1"/>
      <c r="BU100" s="1"/>
      <c r="BV100" s="1"/>
      <c r="BW100" s="1"/>
      <c r="BX100" s="1"/>
      <c r="BY100" s="1"/>
      <c r="BZ100" s="1"/>
      <c r="CA100" s="1"/>
      <c r="CB100" s="1"/>
      <c r="CC100" s="1"/>
      <c r="CD100" s="1"/>
      <c r="CE100" s="1"/>
      <c r="CF100" s="1"/>
      <c r="CG100" s="1"/>
      <c r="CH100" s="1"/>
      <c r="CI100" s="1"/>
      <c r="CJ100" s="1"/>
      <c r="CK100" s="1"/>
      <c r="CL100" s="1"/>
      <c r="CM100" s="1"/>
      <c r="CN100" s="1"/>
      <c r="CO100" s="1"/>
      <c r="CP100" s="1"/>
      <c r="CQ100" s="1"/>
      <c r="CR100" s="1"/>
      <c r="CS100" s="1"/>
      <c r="CT100" s="1"/>
      <c r="CU100" s="1"/>
      <c r="CV100" s="1"/>
      <c r="CW100" s="1"/>
      <c r="CX100" s="1"/>
      <c r="CY100" s="1"/>
      <c r="CZ100" s="1"/>
      <c r="DB100" s="1"/>
      <c r="DC100" s="1"/>
    </row>
    <row r="101" spans="2:107" x14ac:dyDescent="0.7">
      <c r="B101" s="1">
        <v>61</v>
      </c>
      <c r="C101" s="1">
        <v>4.3</v>
      </c>
      <c r="D101" s="1">
        <v>2.7</v>
      </c>
      <c r="E101" s="1">
        <v>5.0999999999999996</v>
      </c>
      <c r="F101" s="1">
        <v>4.0999999999999996</v>
      </c>
      <c r="G101" s="1">
        <v>8.1999999999999993</v>
      </c>
      <c r="H101" s="1">
        <v>44.1</v>
      </c>
      <c r="I101" s="1">
        <v>7.9</v>
      </c>
      <c r="J101" s="1">
        <v>16</v>
      </c>
      <c r="K101" s="1">
        <v>9.6</v>
      </c>
      <c r="L101" s="1">
        <v>7.6</v>
      </c>
      <c r="M101" s="1">
        <v>29.8</v>
      </c>
      <c r="N101" s="1">
        <v>4.4000000000000004</v>
      </c>
      <c r="O101" s="1">
        <v>6.6</v>
      </c>
      <c r="P101" s="1">
        <v>54.5</v>
      </c>
      <c r="Q101" s="1">
        <v>11</v>
      </c>
      <c r="R101" s="1">
        <v>13.3</v>
      </c>
      <c r="S101" s="1">
        <v>9.6999999999999993</v>
      </c>
      <c r="T101" s="1">
        <v>17.399999999999999</v>
      </c>
      <c r="U101" s="1">
        <v>30.2</v>
      </c>
      <c r="V101" s="1">
        <v>31.3</v>
      </c>
      <c r="W101" s="1">
        <v>4.8</v>
      </c>
      <c r="X101" s="1">
        <v>3.5</v>
      </c>
      <c r="Y101" s="1">
        <v>2.1</v>
      </c>
      <c r="Z101" s="1">
        <v>36.4</v>
      </c>
      <c r="AA101" s="1">
        <v>3.3</v>
      </c>
      <c r="AB101" s="1">
        <v>38.1</v>
      </c>
      <c r="AC101" s="1">
        <v>19.2</v>
      </c>
      <c r="AD101" s="1">
        <v>5</v>
      </c>
      <c r="AE101" s="1">
        <v>20.399999999999999</v>
      </c>
      <c r="AF101" s="1">
        <v>53.2</v>
      </c>
      <c r="AG101" s="1">
        <v>43.1</v>
      </c>
      <c r="AH101" s="1">
        <v>33.9</v>
      </c>
      <c r="AI101" s="1">
        <v>33.799999999999997</v>
      </c>
      <c r="AJ101" s="1">
        <v>24.6</v>
      </c>
      <c r="AK101" s="1">
        <v>17.899999999999999</v>
      </c>
      <c r="AL101" s="1">
        <v>0.2</v>
      </c>
      <c r="AM101" s="1"/>
      <c r="AN101" s="1">
        <v>483</v>
      </c>
      <c r="AO101" s="1">
        <v>25</v>
      </c>
      <c r="AP101" s="1">
        <v>153</v>
      </c>
      <c r="AQ101" s="1">
        <v>31</v>
      </c>
      <c r="AR101" s="1">
        <v>142</v>
      </c>
      <c r="AS101" s="1">
        <v>3</v>
      </c>
      <c r="AT101" s="1">
        <v>19</v>
      </c>
      <c r="AU101" s="1">
        <v>120</v>
      </c>
      <c r="AV101" s="1">
        <v>122</v>
      </c>
      <c r="AW101" s="1">
        <v>44</v>
      </c>
      <c r="AX101" s="1">
        <v>11</v>
      </c>
      <c r="AY101" s="1">
        <v>2</v>
      </c>
      <c r="AZ101" s="1">
        <v>12</v>
      </c>
      <c r="BA101" s="1">
        <v>8</v>
      </c>
      <c r="BB101" s="1"/>
      <c r="BC101" s="30">
        <v>0.26805555555555555</v>
      </c>
      <c r="BD101" s="30">
        <v>0.3034722222222222</v>
      </c>
      <c r="BE101" s="30">
        <v>0.77986111111111112</v>
      </c>
      <c r="BF101" s="30">
        <v>0.94513888888888886</v>
      </c>
      <c r="BG101" s="30">
        <v>0.36875000000000002</v>
      </c>
      <c r="BR101" s="1"/>
      <c r="BS101" s="1"/>
      <c r="BT101" s="1"/>
      <c r="BU101" s="1"/>
      <c r="BV101" s="1"/>
      <c r="BW101" s="1"/>
      <c r="BX101" s="1"/>
      <c r="BY101" s="1"/>
      <c r="BZ101" s="1"/>
      <c r="CA101" s="1"/>
      <c r="CB101" s="1"/>
      <c r="CC101" s="1"/>
      <c r="CD101" s="1"/>
      <c r="CE101" s="1"/>
      <c r="CF101" s="1"/>
      <c r="CG101" s="1"/>
      <c r="CH101" s="1"/>
      <c r="CI101" s="1"/>
      <c r="CJ101" s="1"/>
      <c r="CK101" s="1"/>
      <c r="CL101" s="1"/>
      <c r="CM101" s="1"/>
      <c r="CN101" s="1"/>
      <c r="CO101" s="1"/>
      <c r="CP101" s="1"/>
      <c r="CQ101" s="1"/>
      <c r="CR101" s="1"/>
      <c r="CS101" s="1"/>
      <c r="CT101" s="1"/>
      <c r="CU101" s="1"/>
      <c r="CV101" s="1"/>
      <c r="CW101" s="1"/>
      <c r="CX101" s="1"/>
      <c r="CY101" s="1"/>
      <c r="CZ101" s="1"/>
      <c r="DB101" s="1"/>
      <c r="DC101" s="1"/>
    </row>
    <row r="102" spans="2:107" x14ac:dyDescent="0.7">
      <c r="B102" s="1">
        <v>50.6</v>
      </c>
      <c r="C102" s="1">
        <v>2.2999999999999998</v>
      </c>
      <c r="D102" s="1">
        <v>3.1</v>
      </c>
      <c r="E102" s="1">
        <v>3.9</v>
      </c>
      <c r="F102" s="1">
        <v>3</v>
      </c>
      <c r="G102" s="1">
        <v>6.1</v>
      </c>
      <c r="H102" s="1">
        <v>37.799999999999997</v>
      </c>
      <c r="I102" s="1">
        <v>4.5999999999999996</v>
      </c>
      <c r="J102" s="1">
        <v>10.5</v>
      </c>
      <c r="K102" s="1">
        <v>10</v>
      </c>
      <c r="L102" s="1">
        <v>5</v>
      </c>
      <c r="M102" s="1">
        <v>22.7</v>
      </c>
      <c r="N102" s="1">
        <v>4</v>
      </c>
      <c r="O102" s="1">
        <v>3.9</v>
      </c>
      <c r="P102" s="1">
        <v>44.6</v>
      </c>
      <c r="Q102" s="1">
        <v>7.6</v>
      </c>
      <c r="R102" s="1">
        <v>11.1</v>
      </c>
      <c r="S102" s="1">
        <v>10.6</v>
      </c>
      <c r="T102" s="1">
        <v>17.899999999999999</v>
      </c>
      <c r="U102" s="1">
        <v>27.3</v>
      </c>
      <c r="V102" s="1">
        <v>32</v>
      </c>
      <c r="W102" s="1">
        <v>3.5</v>
      </c>
      <c r="X102" s="1">
        <v>3</v>
      </c>
      <c r="Y102" s="1">
        <v>1.5</v>
      </c>
      <c r="Z102" s="1">
        <v>27</v>
      </c>
      <c r="AA102" s="1">
        <v>1.7</v>
      </c>
      <c r="AB102" s="1">
        <v>29.3</v>
      </c>
      <c r="AC102" s="1">
        <v>15.8</v>
      </c>
      <c r="AD102" s="1">
        <v>2.8</v>
      </c>
      <c r="AE102" s="1">
        <v>18.2</v>
      </c>
      <c r="AF102" s="1">
        <v>44.4</v>
      </c>
      <c r="AG102" s="1">
        <v>39</v>
      </c>
      <c r="AH102" s="1">
        <v>23.3</v>
      </c>
      <c r="AI102" s="1">
        <v>23.2</v>
      </c>
      <c r="AJ102" s="1">
        <v>19.3</v>
      </c>
      <c r="AK102" s="1">
        <v>7.1</v>
      </c>
      <c r="AL102" s="1">
        <v>0.5</v>
      </c>
      <c r="AM102" s="1"/>
      <c r="AN102" s="1">
        <v>479</v>
      </c>
      <c r="AO102" s="1">
        <v>18</v>
      </c>
      <c r="AP102" s="1">
        <v>146</v>
      </c>
      <c r="AQ102" s="1">
        <v>28</v>
      </c>
      <c r="AR102" s="1">
        <v>158</v>
      </c>
      <c r="AS102" s="1">
        <v>3</v>
      </c>
      <c r="AT102" s="1">
        <v>12</v>
      </c>
      <c r="AU102" s="1">
        <v>141</v>
      </c>
      <c r="AV102" s="1">
        <v>124</v>
      </c>
      <c r="AW102" s="1">
        <v>34</v>
      </c>
      <c r="AX102" s="1">
        <v>6</v>
      </c>
      <c r="AY102" s="1">
        <v>1</v>
      </c>
      <c r="AZ102" s="1">
        <v>10</v>
      </c>
      <c r="BA102" s="1">
        <v>8</v>
      </c>
      <c r="BB102" s="1"/>
      <c r="BC102" s="30">
        <v>0.25972222222222224</v>
      </c>
      <c r="BD102" s="30">
        <v>0.30208333333333331</v>
      </c>
      <c r="BE102" s="30">
        <v>0.77361111111111114</v>
      </c>
      <c r="BF102" s="30">
        <v>0.93680555555555556</v>
      </c>
      <c r="BG102" s="30">
        <v>0.36527777777777776</v>
      </c>
      <c r="BR102" s="1"/>
      <c r="BS102" s="1"/>
      <c r="BT102" s="1"/>
      <c r="BU102" s="1"/>
      <c r="BV102" s="1"/>
      <c r="BW102" s="1"/>
      <c r="BX102" s="1"/>
      <c r="BY102" s="1"/>
      <c r="BZ102" s="1"/>
      <c r="CA102" s="1"/>
      <c r="CB102" s="1"/>
      <c r="CC102" s="1"/>
      <c r="CD102" s="1"/>
      <c r="CE102" s="1"/>
      <c r="CF102" s="1"/>
      <c r="CG102" s="1"/>
      <c r="CH102" s="1"/>
      <c r="CI102" s="1"/>
      <c r="CJ102" s="1"/>
      <c r="CK102" s="1"/>
      <c r="CL102" s="1"/>
      <c r="CM102" s="1"/>
      <c r="CN102" s="1"/>
      <c r="CO102" s="1"/>
      <c r="CP102" s="1"/>
      <c r="CQ102" s="1"/>
      <c r="CR102" s="1"/>
      <c r="CS102" s="1"/>
      <c r="CT102" s="1"/>
      <c r="CU102" s="1"/>
      <c r="CV102" s="1"/>
      <c r="CW102" s="1"/>
      <c r="CX102" s="1"/>
      <c r="CY102" s="1"/>
      <c r="CZ102" s="1"/>
      <c r="DB102" s="1"/>
      <c r="DC102" s="1"/>
    </row>
    <row r="103" spans="2:107" x14ac:dyDescent="0.7">
      <c r="B103" s="1">
        <v>55.7</v>
      </c>
      <c r="C103" s="1">
        <v>4</v>
      </c>
      <c r="D103" s="1">
        <v>3.1</v>
      </c>
      <c r="E103" s="1">
        <v>7.2</v>
      </c>
      <c r="F103" s="1">
        <v>2.7</v>
      </c>
      <c r="G103" s="1">
        <v>7.1</v>
      </c>
      <c r="H103" s="1">
        <v>40.700000000000003</v>
      </c>
      <c r="I103" s="1">
        <v>6.1</v>
      </c>
      <c r="J103" s="1">
        <v>10.4</v>
      </c>
      <c r="K103" s="1">
        <v>11.6</v>
      </c>
      <c r="L103" s="1">
        <v>5.2</v>
      </c>
      <c r="M103" s="1">
        <v>28.4</v>
      </c>
      <c r="N103" s="1">
        <v>5.5</v>
      </c>
      <c r="O103" s="1">
        <v>5.3</v>
      </c>
      <c r="P103" s="1">
        <v>44.5</v>
      </c>
      <c r="Q103" s="1">
        <v>9.1999999999999993</v>
      </c>
      <c r="R103" s="1">
        <v>12.3</v>
      </c>
      <c r="S103" s="1">
        <v>10.5</v>
      </c>
      <c r="T103" s="1">
        <v>17.8</v>
      </c>
      <c r="U103" s="1">
        <v>26.1</v>
      </c>
      <c r="V103" s="1">
        <v>33.4</v>
      </c>
      <c r="W103" s="1">
        <v>3.8</v>
      </c>
      <c r="X103" s="1">
        <v>2.8</v>
      </c>
      <c r="Y103" s="1">
        <v>2.8</v>
      </c>
      <c r="Z103" s="1">
        <v>29</v>
      </c>
      <c r="AA103" s="1">
        <v>1.8</v>
      </c>
      <c r="AB103" s="1">
        <v>32.1</v>
      </c>
      <c r="AC103" s="1">
        <v>13.5</v>
      </c>
      <c r="AD103" s="1">
        <v>4.5</v>
      </c>
      <c r="AE103" s="1">
        <v>19.100000000000001</v>
      </c>
      <c r="AF103" s="1">
        <v>45.9</v>
      </c>
      <c r="AG103" s="1">
        <v>39.799999999999997</v>
      </c>
      <c r="AH103" s="1">
        <v>24.1</v>
      </c>
      <c r="AI103" s="1">
        <v>24</v>
      </c>
      <c r="AJ103" s="1">
        <v>19.399999999999999</v>
      </c>
      <c r="AK103" s="1">
        <v>7.9</v>
      </c>
      <c r="AL103" s="1">
        <v>0.2</v>
      </c>
      <c r="AM103" s="1"/>
      <c r="AN103" s="1">
        <v>477</v>
      </c>
      <c r="AO103" s="1">
        <v>17</v>
      </c>
      <c r="AP103" s="1">
        <v>161</v>
      </c>
      <c r="AQ103" s="1">
        <v>33</v>
      </c>
      <c r="AR103" s="1">
        <v>141</v>
      </c>
      <c r="AS103" s="1">
        <v>5</v>
      </c>
      <c r="AT103" s="1">
        <v>23</v>
      </c>
      <c r="AU103" s="1">
        <v>136</v>
      </c>
      <c r="AV103" s="1">
        <v>120</v>
      </c>
      <c r="AW103" s="1">
        <v>31</v>
      </c>
      <c r="AX103" s="1">
        <v>9</v>
      </c>
      <c r="AY103" s="1">
        <v>1</v>
      </c>
      <c r="AZ103" s="1">
        <v>11</v>
      </c>
      <c r="BA103" s="1">
        <v>11</v>
      </c>
      <c r="BB103" s="1"/>
      <c r="BC103" s="30">
        <v>0.26527777777777778</v>
      </c>
      <c r="BD103" s="30">
        <v>0.3034722222222222</v>
      </c>
      <c r="BE103" s="30">
        <v>0.78125</v>
      </c>
      <c r="BF103" s="30">
        <v>0.9458333333333333</v>
      </c>
      <c r="BG103" s="30">
        <v>0.37013888888888891</v>
      </c>
      <c r="BR103" s="1"/>
      <c r="BS103" s="1"/>
      <c r="BT103" s="1"/>
      <c r="BU103" s="1"/>
      <c r="BV103" s="1"/>
      <c r="BW103" s="1"/>
      <c r="BX103" s="1"/>
      <c r="BY103" s="1"/>
      <c r="BZ103" s="1"/>
      <c r="CA103" s="1"/>
      <c r="CB103" s="1"/>
      <c r="CC103" s="1"/>
      <c r="CD103" s="1"/>
      <c r="CE103" s="1"/>
      <c r="CF103" s="1"/>
      <c r="CG103" s="1"/>
      <c r="CH103" s="1"/>
      <c r="CI103" s="1"/>
      <c r="CJ103" s="1"/>
      <c r="CK103" s="1"/>
      <c r="CL103" s="1"/>
      <c r="CM103" s="1"/>
      <c r="CN103" s="1"/>
      <c r="CO103" s="1"/>
      <c r="CP103" s="1"/>
      <c r="CQ103" s="1"/>
      <c r="CR103" s="1"/>
      <c r="CS103" s="1"/>
      <c r="CT103" s="1"/>
      <c r="CU103" s="1"/>
      <c r="CV103" s="1"/>
      <c r="CW103" s="1"/>
      <c r="CX103" s="1"/>
      <c r="CY103" s="1"/>
      <c r="CZ103" s="1"/>
      <c r="DB103" s="1"/>
      <c r="DC103" s="1"/>
    </row>
    <row r="104" spans="2:107" x14ac:dyDescent="0.7">
      <c r="B104" s="1">
        <v>54.1</v>
      </c>
      <c r="C104" s="1">
        <v>3</v>
      </c>
      <c r="D104" s="1">
        <v>2</v>
      </c>
      <c r="E104" s="1">
        <v>5.0999999999999996</v>
      </c>
      <c r="F104" s="1">
        <v>3.9</v>
      </c>
      <c r="G104" s="1">
        <v>5.5</v>
      </c>
      <c r="H104" s="1">
        <v>39.299999999999997</v>
      </c>
      <c r="I104" s="1">
        <v>5.7</v>
      </c>
      <c r="J104" s="1">
        <v>8.6</v>
      </c>
      <c r="K104" s="1">
        <v>10.9</v>
      </c>
      <c r="L104" s="1">
        <v>4.0999999999999996</v>
      </c>
      <c r="M104" s="1">
        <v>22</v>
      </c>
      <c r="N104" s="1">
        <v>3</v>
      </c>
      <c r="O104" s="1">
        <v>4.3</v>
      </c>
      <c r="P104" s="1">
        <v>46.6</v>
      </c>
      <c r="Q104" s="1">
        <v>8.4</v>
      </c>
      <c r="R104" s="1">
        <v>11.9</v>
      </c>
      <c r="S104" s="1">
        <v>7.6</v>
      </c>
      <c r="T104" s="1">
        <v>15.4</v>
      </c>
      <c r="U104" s="1">
        <v>24.5</v>
      </c>
      <c r="V104" s="1">
        <v>33.6</v>
      </c>
      <c r="W104" s="1">
        <v>3.2</v>
      </c>
      <c r="X104" s="1">
        <v>2.7</v>
      </c>
      <c r="Y104" s="1">
        <v>1.6</v>
      </c>
      <c r="Z104" s="1">
        <v>30.3</v>
      </c>
      <c r="AA104" s="1">
        <v>2.6</v>
      </c>
      <c r="AB104" s="1">
        <v>33.200000000000003</v>
      </c>
      <c r="AC104" s="1">
        <v>13.8</v>
      </c>
      <c r="AD104" s="1">
        <v>3.1</v>
      </c>
      <c r="AE104" s="1">
        <v>17.2</v>
      </c>
      <c r="AF104" s="1">
        <v>43.4</v>
      </c>
      <c r="AG104" s="1">
        <v>37.9</v>
      </c>
      <c r="AH104" s="1">
        <v>22</v>
      </c>
      <c r="AI104" s="1">
        <v>22</v>
      </c>
      <c r="AJ104" s="1">
        <v>16.7</v>
      </c>
      <c r="AK104" s="1">
        <v>8.3000000000000007</v>
      </c>
      <c r="AL104" s="1">
        <v>0.3</v>
      </c>
      <c r="AM104" s="1"/>
      <c r="AN104" s="1">
        <v>469</v>
      </c>
      <c r="AO104" s="1">
        <v>22</v>
      </c>
      <c r="AP104" s="1">
        <v>166</v>
      </c>
      <c r="AQ104" s="1">
        <v>39</v>
      </c>
      <c r="AR104" s="1">
        <v>140</v>
      </c>
      <c r="AS104" s="1">
        <v>5</v>
      </c>
      <c r="AT104" s="1">
        <v>16</v>
      </c>
      <c r="AU104" s="1">
        <v>139</v>
      </c>
      <c r="AV104" s="1">
        <v>114</v>
      </c>
      <c r="AW104" s="1">
        <v>37</v>
      </c>
      <c r="AX104" s="1">
        <v>8</v>
      </c>
      <c r="AY104" s="1">
        <v>1</v>
      </c>
      <c r="AZ104" s="1">
        <v>11</v>
      </c>
      <c r="BA104" s="1">
        <v>8</v>
      </c>
      <c r="BB104" s="1"/>
      <c r="BC104" s="30">
        <v>0.26250000000000001</v>
      </c>
      <c r="BD104" s="30">
        <v>0.2951388888888889</v>
      </c>
      <c r="BE104" s="30">
        <v>0.77986111111111112</v>
      </c>
      <c r="BF104" s="30">
        <v>0.94722222222222219</v>
      </c>
      <c r="BG104" s="30">
        <v>0.35902777777777778</v>
      </c>
      <c r="BR104" s="1"/>
      <c r="BS104" s="1"/>
      <c r="BT104" s="1"/>
      <c r="BU104" s="1"/>
      <c r="BV104" s="1"/>
      <c r="BW104" s="1"/>
      <c r="BX104" s="1"/>
      <c r="BY104" s="1"/>
      <c r="BZ104" s="1"/>
      <c r="CA104" s="1"/>
      <c r="CB104" s="1"/>
      <c r="CC104" s="1"/>
      <c r="CD104" s="1"/>
      <c r="CE104" s="1"/>
      <c r="CF104" s="1"/>
      <c r="CG104" s="1"/>
      <c r="CH104" s="1"/>
      <c r="CI104" s="1"/>
      <c r="CJ104" s="1"/>
      <c r="CK104" s="1"/>
      <c r="CL104" s="1"/>
      <c r="CM104" s="1"/>
      <c r="CN104" s="1"/>
      <c r="CO104" s="1"/>
      <c r="CP104" s="1"/>
      <c r="CQ104" s="1"/>
      <c r="CR104" s="1"/>
      <c r="CS104" s="1"/>
      <c r="CT104" s="1"/>
      <c r="CU104" s="1"/>
      <c r="CV104" s="1"/>
      <c r="CW104" s="1"/>
      <c r="CX104" s="1"/>
      <c r="CY104" s="1"/>
      <c r="CZ104" s="1"/>
      <c r="DB104" s="1"/>
      <c r="DC104" s="1"/>
    </row>
    <row r="105" spans="2:107" x14ac:dyDescent="0.7">
      <c r="B105" s="1">
        <v>62.9</v>
      </c>
      <c r="C105" s="1">
        <v>2.2999999999999998</v>
      </c>
      <c r="D105" s="1">
        <v>1.4</v>
      </c>
      <c r="E105" s="1">
        <v>8</v>
      </c>
      <c r="F105" s="1">
        <v>7</v>
      </c>
      <c r="G105" s="1">
        <v>8.5</v>
      </c>
      <c r="H105" s="1">
        <v>49.6</v>
      </c>
      <c r="I105" s="1">
        <v>8.8000000000000007</v>
      </c>
      <c r="J105" s="1">
        <v>8.5</v>
      </c>
      <c r="K105" s="1">
        <v>9.1</v>
      </c>
      <c r="L105" s="1">
        <v>5.0999999999999996</v>
      </c>
      <c r="M105" s="1">
        <v>29.7</v>
      </c>
      <c r="N105" s="1">
        <v>3.7</v>
      </c>
      <c r="O105" s="1">
        <v>4.4000000000000004</v>
      </c>
      <c r="P105" s="1">
        <v>51.3</v>
      </c>
      <c r="Q105" s="1">
        <v>10.9</v>
      </c>
      <c r="R105" s="1">
        <v>11.8</v>
      </c>
      <c r="S105" s="1">
        <v>8.8000000000000007</v>
      </c>
      <c r="T105" s="1">
        <v>15</v>
      </c>
      <c r="U105" s="1">
        <v>28.4</v>
      </c>
      <c r="V105" s="1">
        <v>37.200000000000003</v>
      </c>
      <c r="W105" s="1">
        <v>5</v>
      </c>
      <c r="X105" s="1">
        <v>4.5</v>
      </c>
      <c r="Y105" s="1">
        <v>1.5</v>
      </c>
      <c r="Z105" s="1">
        <v>31.6</v>
      </c>
      <c r="AA105" s="1">
        <v>1.9</v>
      </c>
      <c r="AB105" s="1">
        <v>38.5</v>
      </c>
      <c r="AC105" s="1">
        <v>19.399999999999999</v>
      </c>
      <c r="AD105" s="1">
        <v>4</v>
      </c>
      <c r="AE105" s="1">
        <v>16.5</v>
      </c>
      <c r="AF105" s="1">
        <v>45.3</v>
      </c>
      <c r="AG105" s="1">
        <v>38.700000000000003</v>
      </c>
      <c r="AH105" s="1">
        <v>24.7</v>
      </c>
      <c r="AI105" s="1">
        <v>24.7</v>
      </c>
      <c r="AJ105" s="1">
        <v>19.3</v>
      </c>
      <c r="AK105" s="1">
        <v>9.4</v>
      </c>
      <c r="AL105" s="1">
        <v>0.6</v>
      </c>
      <c r="AM105" s="1"/>
      <c r="AN105" s="1">
        <v>472</v>
      </c>
      <c r="AO105" s="1">
        <v>24</v>
      </c>
      <c r="AP105" s="1">
        <v>156</v>
      </c>
      <c r="AQ105" s="1">
        <v>38</v>
      </c>
      <c r="AR105" s="1">
        <v>148</v>
      </c>
      <c r="AS105" s="1">
        <v>4</v>
      </c>
      <c r="AT105" s="1">
        <v>16</v>
      </c>
      <c r="AU105" s="1">
        <v>131</v>
      </c>
      <c r="AV105" s="1">
        <v>113</v>
      </c>
      <c r="AW105" s="1">
        <v>35</v>
      </c>
      <c r="AX105" s="1">
        <v>9</v>
      </c>
      <c r="AY105" s="1">
        <v>1</v>
      </c>
      <c r="AZ105" s="1">
        <v>8</v>
      </c>
      <c r="BA105" s="1">
        <v>6</v>
      </c>
      <c r="BB105" s="1"/>
      <c r="BC105" s="30">
        <v>0.27013888888888887</v>
      </c>
      <c r="BD105" s="30">
        <v>0.29930555555555555</v>
      </c>
      <c r="BE105" s="30">
        <v>0.79027777777777775</v>
      </c>
      <c r="BF105" s="30">
        <v>0.9555555555555556</v>
      </c>
      <c r="BG105" s="30">
        <v>0.35972222222222222</v>
      </c>
      <c r="BR105" s="1"/>
      <c r="BS105" s="1"/>
      <c r="BT105" s="1"/>
      <c r="BU105" s="1"/>
      <c r="BV105" s="1"/>
      <c r="BW105" s="1"/>
      <c r="BX105" s="1"/>
      <c r="BY105" s="1"/>
      <c r="BZ105" s="1"/>
      <c r="CA105" s="1"/>
      <c r="CB105" s="1"/>
      <c r="CC105" s="1"/>
      <c r="CD105" s="1"/>
      <c r="CE105" s="1"/>
      <c r="CF105" s="1"/>
      <c r="CG105" s="1"/>
      <c r="CH105" s="1"/>
      <c r="CI105" s="1"/>
      <c r="CJ105" s="1"/>
      <c r="CK105" s="1"/>
      <c r="CL105" s="1"/>
      <c r="CM105" s="1"/>
      <c r="CN105" s="1"/>
      <c r="CO105" s="1"/>
      <c r="CP105" s="1"/>
      <c r="CQ105" s="1"/>
      <c r="CR105" s="1"/>
      <c r="CS105" s="1"/>
      <c r="CT105" s="1"/>
      <c r="CU105" s="1"/>
      <c r="CV105" s="1"/>
      <c r="CW105" s="1"/>
      <c r="CX105" s="1"/>
      <c r="CY105" s="1"/>
      <c r="CZ105" s="1"/>
      <c r="DB105" s="1"/>
      <c r="DC105" s="1"/>
    </row>
    <row r="106" spans="2:107" x14ac:dyDescent="0.7">
      <c r="B106" s="1">
        <v>60</v>
      </c>
      <c r="C106" s="1">
        <v>3.7</v>
      </c>
      <c r="D106" s="1">
        <v>2.7</v>
      </c>
      <c r="E106" s="1">
        <v>7.6</v>
      </c>
      <c r="F106" s="1">
        <v>4.9000000000000004</v>
      </c>
      <c r="G106" s="1">
        <v>7.2</v>
      </c>
      <c r="H106" s="1">
        <v>45</v>
      </c>
      <c r="I106" s="1">
        <v>6.6</v>
      </c>
      <c r="J106" s="1">
        <v>9.8000000000000007</v>
      </c>
      <c r="K106" s="1">
        <v>8</v>
      </c>
      <c r="L106" s="1">
        <v>4.7</v>
      </c>
      <c r="M106" s="1">
        <v>27.1</v>
      </c>
      <c r="N106" s="1">
        <v>3.2</v>
      </c>
      <c r="O106" s="1">
        <v>5.2</v>
      </c>
      <c r="P106" s="1">
        <v>49.1</v>
      </c>
      <c r="Q106" s="1">
        <v>10.6</v>
      </c>
      <c r="R106" s="1">
        <v>13.9</v>
      </c>
      <c r="S106" s="1">
        <v>9</v>
      </c>
      <c r="T106" s="1">
        <v>14.4</v>
      </c>
      <c r="U106" s="1">
        <v>25.4</v>
      </c>
      <c r="V106" s="1">
        <v>34.5</v>
      </c>
      <c r="W106" s="1">
        <v>4</v>
      </c>
      <c r="X106" s="1">
        <v>3.7</v>
      </c>
      <c r="Y106" s="1">
        <v>2.5</v>
      </c>
      <c r="Z106" s="1">
        <v>30.6</v>
      </c>
      <c r="AA106" s="1">
        <v>2</v>
      </c>
      <c r="AB106" s="1">
        <v>37.1</v>
      </c>
      <c r="AC106" s="1">
        <v>20.8</v>
      </c>
      <c r="AD106" s="1">
        <v>4.4000000000000004</v>
      </c>
      <c r="AE106" s="1">
        <v>16.2</v>
      </c>
      <c r="AF106" s="1">
        <v>48.4</v>
      </c>
      <c r="AG106" s="1">
        <v>41.5</v>
      </c>
      <c r="AH106" s="1">
        <v>29.3</v>
      </c>
      <c r="AI106" s="1">
        <v>29.3</v>
      </c>
      <c r="AJ106" s="1">
        <v>22.9</v>
      </c>
      <c r="AK106" s="1">
        <v>12.6</v>
      </c>
      <c r="AL106" s="1">
        <v>0.4</v>
      </c>
      <c r="AM106" s="1"/>
      <c r="AN106" s="1">
        <v>470</v>
      </c>
      <c r="AO106" s="1">
        <v>24</v>
      </c>
      <c r="AP106" s="1">
        <v>162</v>
      </c>
      <c r="AQ106" s="1">
        <v>39</v>
      </c>
      <c r="AR106" s="1">
        <v>147</v>
      </c>
      <c r="AS106" s="1">
        <v>5</v>
      </c>
      <c r="AT106" s="1">
        <v>17</v>
      </c>
      <c r="AU106" s="1">
        <v>128</v>
      </c>
      <c r="AV106" s="1">
        <v>119</v>
      </c>
      <c r="AW106" s="1">
        <v>32</v>
      </c>
      <c r="AX106" s="1">
        <v>9</v>
      </c>
      <c r="AY106" s="1">
        <v>1</v>
      </c>
      <c r="AZ106" s="1">
        <v>9</v>
      </c>
      <c r="BA106" s="1">
        <v>10</v>
      </c>
      <c r="BB106" s="1"/>
      <c r="BC106" s="30">
        <v>0.26597222222222222</v>
      </c>
      <c r="BD106" s="30">
        <v>0.29722222222222222</v>
      </c>
      <c r="BE106" s="30">
        <v>0.78263888888888888</v>
      </c>
      <c r="BF106" s="30">
        <v>0.95208333333333328</v>
      </c>
      <c r="BG106" s="30">
        <v>0.36041666666666666</v>
      </c>
      <c r="BR106" s="1"/>
      <c r="BS106" s="1"/>
      <c r="BT106" s="1"/>
      <c r="BU106" s="1"/>
      <c r="BV106" s="1"/>
      <c r="BW106" s="1"/>
      <c r="BX106" s="1"/>
      <c r="BY106" s="1"/>
      <c r="BZ106" s="1"/>
      <c r="CA106" s="1"/>
      <c r="CB106" s="1"/>
      <c r="CC106" s="1"/>
      <c r="CD106" s="1"/>
      <c r="CE106" s="1"/>
      <c r="CF106" s="1"/>
      <c r="CG106" s="1"/>
      <c r="CH106" s="1"/>
      <c r="CI106" s="1"/>
      <c r="CJ106" s="1"/>
      <c r="CK106" s="1"/>
      <c r="CL106" s="1"/>
      <c r="CM106" s="1"/>
      <c r="CN106" s="1"/>
      <c r="CO106" s="1"/>
      <c r="CP106" s="1"/>
      <c r="CQ106" s="1"/>
      <c r="CR106" s="1"/>
      <c r="CS106" s="1"/>
      <c r="CT106" s="1"/>
      <c r="CU106" s="1"/>
      <c r="CV106" s="1"/>
      <c r="CW106" s="1"/>
      <c r="CX106" s="1"/>
      <c r="CY106" s="1"/>
      <c r="CZ106" s="1"/>
      <c r="DB106" s="1"/>
      <c r="DC106" s="1"/>
    </row>
    <row r="107" spans="2:107" x14ac:dyDescent="0.7">
      <c r="B107" s="1">
        <v>64.099999999999994</v>
      </c>
      <c r="C107" s="1">
        <v>2.2999999999999998</v>
      </c>
      <c r="D107" s="1">
        <v>2.8</v>
      </c>
      <c r="E107" s="1">
        <v>7.4</v>
      </c>
      <c r="F107" s="1">
        <v>5.8</v>
      </c>
      <c r="G107" s="1">
        <v>6.9</v>
      </c>
      <c r="H107" s="1">
        <v>49.6</v>
      </c>
      <c r="I107" s="1">
        <v>7.5</v>
      </c>
      <c r="J107" s="1">
        <v>8.6</v>
      </c>
      <c r="K107" s="1">
        <v>9.6</v>
      </c>
      <c r="L107" s="1">
        <v>5.0999999999999996</v>
      </c>
      <c r="M107" s="1">
        <v>28.4</v>
      </c>
      <c r="N107" s="1">
        <v>4.7</v>
      </c>
      <c r="O107" s="1">
        <v>5.6</v>
      </c>
      <c r="P107" s="1">
        <v>50.9</v>
      </c>
      <c r="Q107" s="1">
        <v>9.8000000000000007</v>
      </c>
      <c r="R107" s="1">
        <v>13.7</v>
      </c>
      <c r="S107" s="1">
        <v>9.4</v>
      </c>
      <c r="T107" s="1">
        <v>14.5</v>
      </c>
      <c r="U107" s="1">
        <v>26</v>
      </c>
      <c r="V107" s="1">
        <v>37.200000000000003</v>
      </c>
      <c r="W107" s="1">
        <v>5.3</v>
      </c>
      <c r="X107" s="1">
        <v>3.9</v>
      </c>
      <c r="Y107" s="1">
        <v>2</v>
      </c>
      <c r="Z107" s="1">
        <v>31.2</v>
      </c>
      <c r="AA107" s="1">
        <v>1.8</v>
      </c>
      <c r="AB107" s="1">
        <v>36.4</v>
      </c>
      <c r="AC107" s="1">
        <v>18.3</v>
      </c>
      <c r="AD107" s="1">
        <v>3.6</v>
      </c>
      <c r="AE107" s="1">
        <v>17.7</v>
      </c>
      <c r="AF107" s="1">
        <v>52</v>
      </c>
      <c r="AG107" s="1">
        <v>44.6</v>
      </c>
      <c r="AH107" s="1">
        <v>29.2</v>
      </c>
      <c r="AI107" s="1">
        <v>29.2</v>
      </c>
      <c r="AJ107" s="1">
        <v>24.4</v>
      </c>
      <c r="AK107" s="1">
        <v>9.6999999999999993</v>
      </c>
      <c r="AL107" s="1">
        <v>0.1</v>
      </c>
      <c r="AM107" s="1"/>
      <c r="AN107" s="1">
        <v>473</v>
      </c>
      <c r="AO107" s="1">
        <v>20</v>
      </c>
      <c r="AP107" s="1">
        <v>146</v>
      </c>
      <c r="AQ107" s="1">
        <v>40</v>
      </c>
      <c r="AR107" s="1">
        <v>147</v>
      </c>
      <c r="AS107" s="1">
        <v>3</v>
      </c>
      <c r="AT107" s="1">
        <v>24</v>
      </c>
      <c r="AU107" s="1">
        <v>130</v>
      </c>
      <c r="AV107" s="1">
        <v>120</v>
      </c>
      <c r="AW107" s="1">
        <v>30</v>
      </c>
      <c r="AX107" s="1">
        <v>11</v>
      </c>
      <c r="AY107" s="1">
        <v>2</v>
      </c>
      <c r="AZ107" s="1">
        <v>11</v>
      </c>
      <c r="BA107" s="1">
        <v>6</v>
      </c>
      <c r="BB107" s="1"/>
      <c r="BC107" s="30">
        <v>0.26666666666666666</v>
      </c>
      <c r="BD107" s="30">
        <v>0.3034722222222222</v>
      </c>
      <c r="BE107" s="30">
        <v>0.78194444444444444</v>
      </c>
      <c r="BF107" s="30">
        <v>0.9506944444444444</v>
      </c>
      <c r="BG107" s="30">
        <v>0.35972222222222222</v>
      </c>
      <c r="BR107" s="1"/>
      <c r="BS107" s="1"/>
      <c r="BT107" s="1"/>
      <c r="BU107" s="1"/>
      <c r="BV107" s="1"/>
      <c r="BW107" s="1"/>
      <c r="BX107" s="1"/>
      <c r="BY107" s="1"/>
      <c r="BZ107" s="1"/>
      <c r="CA107" s="1"/>
      <c r="CB107" s="1"/>
      <c r="CC107" s="1"/>
      <c r="CD107" s="1"/>
      <c r="CE107" s="1"/>
      <c r="CF107" s="1"/>
      <c r="CG107" s="1"/>
      <c r="CH107" s="1"/>
      <c r="CI107" s="1"/>
      <c r="CJ107" s="1"/>
      <c r="CK107" s="1"/>
      <c r="CL107" s="1"/>
      <c r="CM107" s="1"/>
      <c r="CN107" s="1"/>
      <c r="CO107" s="1"/>
      <c r="CP107" s="1"/>
      <c r="CQ107" s="1"/>
      <c r="CR107" s="1"/>
      <c r="CS107" s="1"/>
      <c r="CT107" s="1"/>
      <c r="CU107" s="1"/>
      <c r="CV107" s="1"/>
      <c r="CW107" s="1"/>
      <c r="CX107" s="1"/>
      <c r="CY107" s="1"/>
      <c r="CZ107" s="1"/>
      <c r="DB107" s="1"/>
      <c r="DC107" s="1"/>
    </row>
    <row r="108" spans="2:107" x14ac:dyDescent="0.7">
      <c r="B108" s="1">
        <v>65.3</v>
      </c>
      <c r="C108" s="1">
        <v>2.7</v>
      </c>
      <c r="D108" s="1">
        <v>2.5</v>
      </c>
      <c r="E108" s="1">
        <v>7.4</v>
      </c>
      <c r="F108" s="1">
        <v>6.1</v>
      </c>
      <c r="G108" s="1">
        <v>8.1</v>
      </c>
      <c r="H108" s="1">
        <v>50.6</v>
      </c>
      <c r="I108" s="1">
        <v>9.3000000000000007</v>
      </c>
      <c r="J108" s="1">
        <v>10</v>
      </c>
      <c r="K108" s="1">
        <v>10</v>
      </c>
      <c r="L108" s="1">
        <v>9.6</v>
      </c>
      <c r="M108" s="1">
        <v>34.6</v>
      </c>
      <c r="N108" s="1">
        <v>5.0999999999999996</v>
      </c>
      <c r="O108" s="1">
        <v>8.1</v>
      </c>
      <c r="P108" s="1">
        <v>56.8</v>
      </c>
      <c r="Q108" s="1">
        <v>13.2</v>
      </c>
      <c r="R108" s="1">
        <v>13.5</v>
      </c>
      <c r="S108" s="1">
        <v>11</v>
      </c>
      <c r="T108" s="1">
        <v>16.899999999999999</v>
      </c>
      <c r="U108" s="1">
        <v>29</v>
      </c>
      <c r="V108" s="1">
        <v>33.299999999999997</v>
      </c>
      <c r="W108" s="1">
        <v>4.3</v>
      </c>
      <c r="X108" s="1">
        <v>4.0999999999999996</v>
      </c>
      <c r="Y108" s="1">
        <v>1.8</v>
      </c>
      <c r="Z108" s="1">
        <v>35.6</v>
      </c>
      <c r="AA108" s="1">
        <v>2.4</v>
      </c>
      <c r="AB108" s="1">
        <v>40.1</v>
      </c>
      <c r="AC108" s="1">
        <v>20</v>
      </c>
      <c r="AD108" s="1">
        <v>4.5999999999999996</v>
      </c>
      <c r="AE108" s="1">
        <v>15.9</v>
      </c>
      <c r="AF108" s="1">
        <v>52.1</v>
      </c>
      <c r="AG108" s="1">
        <v>42.2</v>
      </c>
      <c r="AH108" s="1">
        <v>34</v>
      </c>
      <c r="AI108" s="1">
        <v>33.799999999999997</v>
      </c>
      <c r="AJ108" s="1">
        <v>26.5</v>
      </c>
      <c r="AK108" s="1">
        <v>13.9</v>
      </c>
      <c r="AL108" s="1">
        <v>0.2</v>
      </c>
      <c r="AM108" s="1"/>
      <c r="AN108" s="1">
        <v>467</v>
      </c>
      <c r="AO108" s="1">
        <v>26</v>
      </c>
      <c r="AP108" s="1">
        <v>138</v>
      </c>
      <c r="AQ108" s="1">
        <v>38</v>
      </c>
      <c r="AR108" s="1">
        <v>153</v>
      </c>
      <c r="AS108" s="1">
        <v>6</v>
      </c>
      <c r="AT108" s="1">
        <v>25</v>
      </c>
      <c r="AU108" s="1">
        <v>125</v>
      </c>
      <c r="AV108" s="1">
        <v>110</v>
      </c>
      <c r="AW108" s="1">
        <v>39</v>
      </c>
      <c r="AX108" s="1">
        <v>10</v>
      </c>
      <c r="AY108" s="1">
        <v>2</v>
      </c>
      <c r="AZ108" s="1">
        <v>12</v>
      </c>
      <c r="BA108" s="1">
        <v>9</v>
      </c>
      <c r="BB108" s="1"/>
      <c r="BC108" s="30">
        <v>0.2722222222222222</v>
      </c>
      <c r="BD108" s="30">
        <v>0.30416666666666664</v>
      </c>
      <c r="BE108" s="30">
        <v>0.78680555555555554</v>
      </c>
      <c r="BF108" s="30">
        <v>0.96388888888888891</v>
      </c>
      <c r="BG108" s="30">
        <v>0.3576388888888889</v>
      </c>
      <c r="BR108" s="1"/>
      <c r="BS108" s="1"/>
      <c r="BT108" s="1"/>
      <c r="BU108" s="1"/>
      <c r="BV108" s="1"/>
      <c r="BW108" s="1"/>
      <c r="BX108" s="1"/>
      <c r="BY108" s="1"/>
      <c r="BZ108" s="1"/>
      <c r="CA108" s="1"/>
      <c r="CB108" s="1"/>
      <c r="CC108" s="1"/>
      <c r="CD108" s="1"/>
      <c r="CE108" s="1"/>
      <c r="CF108" s="1"/>
      <c r="CG108" s="1"/>
      <c r="CH108" s="1"/>
      <c r="CI108" s="1"/>
      <c r="CJ108" s="1"/>
      <c r="CK108" s="1"/>
      <c r="CL108" s="1"/>
      <c r="CM108" s="1"/>
      <c r="CN108" s="1"/>
      <c r="CO108" s="1"/>
      <c r="CP108" s="1"/>
      <c r="CQ108" s="1"/>
      <c r="CR108" s="1"/>
      <c r="CS108" s="1"/>
      <c r="CT108" s="1"/>
      <c r="CU108" s="1"/>
      <c r="CV108" s="1"/>
      <c r="CW108" s="1"/>
      <c r="CX108" s="1"/>
      <c r="CY108" s="1"/>
      <c r="CZ108" s="1"/>
      <c r="DB108" s="1"/>
      <c r="DC108" s="1"/>
    </row>
    <row r="109" spans="2:107" x14ac:dyDescent="0.7">
      <c r="B109" s="1">
        <v>64.599999999999994</v>
      </c>
      <c r="C109" s="1">
        <v>2.5</v>
      </c>
      <c r="D109" s="1">
        <v>1.7</v>
      </c>
      <c r="E109" s="1">
        <v>4.9000000000000004</v>
      </c>
      <c r="F109" s="1">
        <v>5.9</v>
      </c>
      <c r="G109" s="1">
        <v>8.3000000000000007</v>
      </c>
      <c r="H109" s="1">
        <v>50.3</v>
      </c>
      <c r="I109" s="1">
        <v>10.7</v>
      </c>
      <c r="J109" s="1">
        <v>9.6</v>
      </c>
      <c r="K109" s="1">
        <v>10.3</v>
      </c>
      <c r="L109" s="1">
        <v>8.1</v>
      </c>
      <c r="M109" s="1">
        <v>33.200000000000003</v>
      </c>
      <c r="N109" s="1">
        <v>3.6</v>
      </c>
      <c r="O109" s="1">
        <v>7.1</v>
      </c>
      <c r="P109" s="1">
        <v>55.4</v>
      </c>
      <c r="Q109" s="1">
        <v>12.7</v>
      </c>
      <c r="R109" s="1">
        <v>12.3</v>
      </c>
      <c r="S109" s="1">
        <v>11.7</v>
      </c>
      <c r="T109" s="1">
        <v>17.600000000000001</v>
      </c>
      <c r="U109" s="1">
        <v>29.2</v>
      </c>
      <c r="V109" s="1">
        <v>30.9</v>
      </c>
      <c r="W109" s="1">
        <v>5</v>
      </c>
      <c r="X109" s="1">
        <v>4.5999999999999996</v>
      </c>
      <c r="Y109" s="1">
        <v>1.8</v>
      </c>
      <c r="Z109" s="1">
        <v>32.6</v>
      </c>
      <c r="AA109" s="1">
        <v>2.1</v>
      </c>
      <c r="AB109" s="1">
        <v>40.5</v>
      </c>
      <c r="AC109" s="1">
        <v>21.5</v>
      </c>
      <c r="AD109" s="1">
        <v>4.3</v>
      </c>
      <c r="AE109" s="1">
        <v>16</v>
      </c>
      <c r="AF109" s="1">
        <v>48.8</v>
      </c>
      <c r="AG109" s="1">
        <v>39.1</v>
      </c>
      <c r="AH109" s="1">
        <v>32.4</v>
      </c>
      <c r="AI109" s="1">
        <v>32.4</v>
      </c>
      <c r="AJ109" s="1">
        <v>25.1</v>
      </c>
      <c r="AK109" s="1">
        <v>14.3</v>
      </c>
      <c r="AL109" s="1">
        <v>0.2</v>
      </c>
      <c r="AM109" s="1"/>
      <c r="AN109" s="1">
        <v>467</v>
      </c>
      <c r="AO109" s="1">
        <v>28</v>
      </c>
      <c r="AP109" s="1">
        <v>142</v>
      </c>
      <c r="AQ109" s="1">
        <v>35</v>
      </c>
      <c r="AR109" s="1">
        <v>150</v>
      </c>
      <c r="AS109" s="1">
        <v>4</v>
      </c>
      <c r="AT109" s="1">
        <v>21</v>
      </c>
      <c r="AU109" s="1">
        <v>124</v>
      </c>
      <c r="AV109" s="1">
        <v>119</v>
      </c>
      <c r="AW109" s="1">
        <v>39</v>
      </c>
      <c r="AX109" s="1">
        <v>9</v>
      </c>
      <c r="AY109" s="1">
        <v>2</v>
      </c>
      <c r="AZ109" s="1">
        <v>11</v>
      </c>
      <c r="BA109" s="1">
        <v>7</v>
      </c>
      <c r="BB109" s="1"/>
      <c r="BC109" s="30">
        <v>0.27361111111111114</v>
      </c>
      <c r="BD109" s="30">
        <v>0.30833333333333335</v>
      </c>
      <c r="BE109" s="30">
        <v>0.7895833333333333</v>
      </c>
      <c r="BF109" s="30">
        <v>0.96180555555555558</v>
      </c>
      <c r="BG109" s="30">
        <v>0.37083333333333335</v>
      </c>
      <c r="BR109" s="1"/>
      <c r="BS109" s="1"/>
      <c r="BT109" s="1"/>
      <c r="BU109" s="1"/>
      <c r="BV109" s="1"/>
      <c r="BW109" s="1"/>
      <c r="BX109" s="1"/>
      <c r="BY109" s="1"/>
      <c r="BZ109" s="1"/>
      <c r="CA109" s="1"/>
      <c r="CB109" s="1"/>
      <c r="CC109" s="1"/>
      <c r="CD109" s="1"/>
      <c r="CE109" s="1"/>
      <c r="CF109" s="1"/>
      <c r="CG109" s="1"/>
      <c r="CH109" s="1"/>
      <c r="CI109" s="1"/>
      <c r="CJ109" s="1"/>
      <c r="CK109" s="1"/>
      <c r="CL109" s="1"/>
      <c r="CM109" s="1"/>
      <c r="CN109" s="1"/>
      <c r="CO109" s="1"/>
      <c r="CP109" s="1"/>
      <c r="CQ109" s="1"/>
      <c r="CR109" s="1"/>
      <c r="CS109" s="1"/>
      <c r="CT109" s="1"/>
      <c r="CU109" s="1"/>
      <c r="CV109" s="1"/>
      <c r="CW109" s="1"/>
      <c r="CX109" s="1"/>
      <c r="CY109" s="1"/>
      <c r="CZ109" s="1"/>
      <c r="DB109" s="1"/>
      <c r="DC109" s="1"/>
    </row>
    <row r="110" spans="2:107" x14ac:dyDescent="0.7">
      <c r="B110" s="1">
        <v>73.599999999999994</v>
      </c>
      <c r="C110" s="1">
        <v>3.3</v>
      </c>
      <c r="D110" s="1">
        <v>3.8</v>
      </c>
      <c r="E110" s="1">
        <v>9.5</v>
      </c>
      <c r="F110" s="1">
        <v>12.7</v>
      </c>
      <c r="G110" s="1">
        <v>11.5</v>
      </c>
      <c r="H110" s="1">
        <v>58.6</v>
      </c>
      <c r="I110" s="1">
        <v>14.2</v>
      </c>
      <c r="J110" s="1">
        <v>12.5</v>
      </c>
      <c r="K110" s="1">
        <v>20.7</v>
      </c>
      <c r="L110" s="1">
        <v>16.399999999999999</v>
      </c>
      <c r="M110" s="1">
        <v>38.6</v>
      </c>
      <c r="N110" s="1">
        <v>7.6</v>
      </c>
      <c r="O110" s="1">
        <v>9.6</v>
      </c>
      <c r="P110" s="1">
        <v>64</v>
      </c>
      <c r="Q110" s="1">
        <v>16.399999999999999</v>
      </c>
      <c r="R110" s="1">
        <v>16.3</v>
      </c>
      <c r="S110" s="1">
        <v>11</v>
      </c>
      <c r="T110" s="1">
        <v>16</v>
      </c>
      <c r="U110" s="1">
        <v>32.9</v>
      </c>
      <c r="V110" s="1">
        <v>29.1</v>
      </c>
      <c r="W110" s="1">
        <v>5.2</v>
      </c>
      <c r="X110" s="1">
        <v>5.6</v>
      </c>
      <c r="Y110" s="1">
        <v>3.1</v>
      </c>
      <c r="Z110" s="1">
        <v>39.5</v>
      </c>
      <c r="AA110" s="1">
        <v>1.6</v>
      </c>
      <c r="AB110" s="1">
        <v>45.2</v>
      </c>
      <c r="AC110" s="1">
        <v>27.6</v>
      </c>
      <c r="AD110" s="1">
        <v>5.7</v>
      </c>
      <c r="AE110" s="1">
        <v>16.5</v>
      </c>
      <c r="AF110" s="1">
        <v>55.9</v>
      </c>
      <c r="AG110" s="1">
        <v>44.3</v>
      </c>
      <c r="AH110" s="1">
        <v>43</v>
      </c>
      <c r="AI110" s="1">
        <v>42.9</v>
      </c>
      <c r="AJ110" s="1">
        <v>34.200000000000003</v>
      </c>
      <c r="AK110" s="1">
        <v>20.5</v>
      </c>
      <c r="AL110" s="1">
        <v>0.4</v>
      </c>
      <c r="AM110" s="1"/>
      <c r="AN110" s="1">
        <v>467</v>
      </c>
      <c r="AO110" s="1">
        <v>28</v>
      </c>
      <c r="AP110" s="1">
        <v>173</v>
      </c>
      <c r="AQ110" s="1">
        <v>32</v>
      </c>
      <c r="AR110" s="1">
        <v>136</v>
      </c>
      <c r="AS110" s="1">
        <v>3</v>
      </c>
      <c r="AT110" s="1">
        <v>22</v>
      </c>
      <c r="AU110" s="1">
        <v>104</v>
      </c>
      <c r="AV110" s="1">
        <v>118</v>
      </c>
      <c r="AW110" s="1">
        <v>43</v>
      </c>
      <c r="AX110" s="1">
        <v>10</v>
      </c>
      <c r="AY110" s="1">
        <v>1</v>
      </c>
      <c r="AZ110" s="1">
        <v>15</v>
      </c>
      <c r="BA110" s="1">
        <v>7</v>
      </c>
      <c r="BB110" s="1"/>
      <c r="BC110" s="30">
        <v>0.28819444444444442</v>
      </c>
      <c r="BD110" s="30">
        <v>0.31319444444444444</v>
      </c>
      <c r="BE110" s="30">
        <v>0.79722222222222228</v>
      </c>
      <c r="BF110" s="30">
        <v>0.9819444444444444</v>
      </c>
      <c r="BG110" s="30">
        <v>0.37152777777777779</v>
      </c>
      <c r="BR110" s="1"/>
      <c r="BS110" s="1"/>
      <c r="BT110" s="1"/>
      <c r="BU110" s="1"/>
      <c r="BV110" s="1"/>
      <c r="BW110" s="1"/>
      <c r="BX110" s="1"/>
      <c r="BY110" s="1"/>
      <c r="BZ110" s="1"/>
      <c r="CA110" s="1"/>
      <c r="CB110" s="1"/>
      <c r="CC110" s="1"/>
      <c r="CD110" s="1"/>
      <c r="CE110" s="1"/>
      <c r="CF110" s="1"/>
      <c r="CG110" s="1"/>
      <c r="CH110" s="1"/>
      <c r="CI110" s="1"/>
      <c r="CJ110" s="1"/>
      <c r="CK110" s="1"/>
      <c r="CL110" s="1"/>
      <c r="CM110" s="1"/>
      <c r="CN110" s="1"/>
      <c r="CO110" s="1"/>
      <c r="CP110" s="1"/>
      <c r="CQ110" s="1"/>
      <c r="CR110" s="1"/>
      <c r="CS110" s="1"/>
      <c r="CT110" s="1"/>
      <c r="CU110" s="1"/>
      <c r="CV110" s="1"/>
      <c r="CW110" s="1"/>
      <c r="CX110" s="1"/>
      <c r="CY110" s="1"/>
      <c r="CZ110" s="1"/>
      <c r="DB110" s="1"/>
      <c r="DC110" s="1"/>
    </row>
    <row r="111" spans="2:107" x14ac:dyDescent="0.7">
      <c r="B111" s="1">
        <v>68.099999999999994</v>
      </c>
      <c r="C111" s="1">
        <v>3.4</v>
      </c>
      <c r="D111" s="1">
        <v>2.2000000000000002</v>
      </c>
      <c r="E111" s="1">
        <v>9.1999999999999993</v>
      </c>
      <c r="F111" s="1">
        <v>7</v>
      </c>
      <c r="G111" s="1">
        <v>7.6</v>
      </c>
      <c r="H111" s="1">
        <v>51.7</v>
      </c>
      <c r="I111" s="1">
        <v>12.5</v>
      </c>
      <c r="J111" s="1">
        <v>11.1</v>
      </c>
      <c r="K111" s="1">
        <v>13.5</v>
      </c>
      <c r="L111" s="1">
        <v>10</v>
      </c>
      <c r="M111" s="1">
        <v>35.6</v>
      </c>
      <c r="N111" s="1">
        <v>6</v>
      </c>
      <c r="O111" s="1">
        <v>9.9</v>
      </c>
      <c r="P111" s="1">
        <v>58.9</v>
      </c>
      <c r="Q111" s="1">
        <v>13.6</v>
      </c>
      <c r="R111" s="1">
        <v>14.3</v>
      </c>
      <c r="S111" s="1">
        <v>12.1</v>
      </c>
      <c r="T111" s="1">
        <v>18.600000000000001</v>
      </c>
      <c r="U111" s="1">
        <v>30.2</v>
      </c>
      <c r="V111" s="1">
        <v>30.6</v>
      </c>
      <c r="W111" s="1">
        <v>5.5</v>
      </c>
      <c r="X111" s="1">
        <v>5.2</v>
      </c>
      <c r="Y111" s="1">
        <v>2.4</v>
      </c>
      <c r="Z111" s="1">
        <v>38.299999999999997</v>
      </c>
      <c r="AA111" s="1">
        <v>2.2000000000000002</v>
      </c>
      <c r="AB111" s="1">
        <v>44.2</v>
      </c>
      <c r="AC111" s="1">
        <v>26.3</v>
      </c>
      <c r="AD111" s="1">
        <v>5.2</v>
      </c>
      <c r="AE111" s="1">
        <v>17.8</v>
      </c>
      <c r="AF111" s="1">
        <v>53.9</v>
      </c>
      <c r="AG111" s="1">
        <v>43.4</v>
      </c>
      <c r="AH111" s="1">
        <v>37.1</v>
      </c>
      <c r="AI111" s="1">
        <v>37</v>
      </c>
      <c r="AJ111" s="1">
        <v>29.5</v>
      </c>
      <c r="AK111" s="1">
        <v>14.7</v>
      </c>
      <c r="AL111" s="1">
        <v>0.5</v>
      </c>
      <c r="AM111" s="1"/>
      <c r="AN111" s="1">
        <v>464</v>
      </c>
      <c r="AO111" s="1">
        <v>27</v>
      </c>
      <c r="AP111" s="1">
        <v>145</v>
      </c>
      <c r="AQ111" s="1">
        <v>38</v>
      </c>
      <c r="AR111" s="1">
        <v>152</v>
      </c>
      <c r="AS111" s="1">
        <v>4</v>
      </c>
      <c r="AT111" s="1">
        <v>21</v>
      </c>
      <c r="AU111" s="1">
        <v>123</v>
      </c>
      <c r="AV111" s="1">
        <v>119</v>
      </c>
      <c r="AW111" s="1">
        <v>41</v>
      </c>
      <c r="AX111" s="1">
        <v>10</v>
      </c>
      <c r="AY111" s="1">
        <v>1</v>
      </c>
      <c r="AZ111" s="1">
        <v>11</v>
      </c>
      <c r="BA111" s="1">
        <v>7</v>
      </c>
      <c r="BB111" s="1"/>
      <c r="BC111" s="30">
        <v>0.27708333333333335</v>
      </c>
      <c r="BD111" s="30">
        <v>0.30763888888888891</v>
      </c>
      <c r="BE111" s="30">
        <v>0.78819444444444442</v>
      </c>
      <c r="BF111" s="30">
        <v>0.97013888888888888</v>
      </c>
      <c r="BG111" s="30">
        <v>0.375</v>
      </c>
      <c r="BR111" s="1"/>
      <c r="BS111" s="1"/>
      <c r="BT111" s="1"/>
      <c r="BU111" s="1"/>
      <c r="BV111" s="1"/>
      <c r="BW111" s="1"/>
      <c r="BX111" s="1"/>
      <c r="BY111" s="1"/>
      <c r="BZ111" s="1"/>
      <c r="CA111" s="1"/>
      <c r="CB111" s="1"/>
      <c r="CC111" s="1"/>
      <c r="CD111" s="1"/>
      <c r="CE111" s="1"/>
      <c r="CF111" s="1"/>
      <c r="CG111" s="1"/>
      <c r="CH111" s="1"/>
      <c r="CI111" s="1"/>
      <c r="CJ111" s="1"/>
      <c r="CK111" s="1"/>
      <c r="CL111" s="1"/>
      <c r="CM111" s="1"/>
      <c r="CN111" s="1"/>
      <c r="CO111" s="1"/>
      <c r="CP111" s="1"/>
      <c r="CQ111" s="1"/>
      <c r="CR111" s="1"/>
      <c r="CS111" s="1"/>
      <c r="CT111" s="1"/>
      <c r="CU111" s="1"/>
      <c r="CV111" s="1"/>
      <c r="CW111" s="1"/>
      <c r="CX111" s="1"/>
      <c r="CY111" s="1"/>
      <c r="CZ111" s="1"/>
      <c r="DB111" s="1"/>
      <c r="DC111" s="1"/>
    </row>
    <row r="112" spans="2:107" x14ac:dyDescent="0.7">
      <c r="B112" s="1">
        <v>55.2</v>
      </c>
      <c r="C112" s="1">
        <v>3.7</v>
      </c>
      <c r="D112" s="1">
        <v>4.4000000000000004</v>
      </c>
      <c r="E112" s="1">
        <v>6.3</v>
      </c>
      <c r="F112" s="1">
        <v>4.4000000000000004</v>
      </c>
      <c r="G112" s="1">
        <v>6.3</v>
      </c>
      <c r="H112" s="1">
        <v>39.9</v>
      </c>
      <c r="I112" s="1">
        <v>8.3000000000000007</v>
      </c>
      <c r="J112" s="1">
        <v>10.6</v>
      </c>
      <c r="K112" s="1">
        <v>13.4</v>
      </c>
      <c r="L112" s="1">
        <v>5.3</v>
      </c>
      <c r="M112" s="1">
        <v>28.1</v>
      </c>
      <c r="N112" s="1">
        <v>3.7</v>
      </c>
      <c r="O112" s="1">
        <v>5.8</v>
      </c>
      <c r="P112" s="1">
        <v>48.1</v>
      </c>
      <c r="Q112" s="1">
        <v>9.1</v>
      </c>
      <c r="R112" s="1">
        <v>11.7</v>
      </c>
      <c r="S112" s="1">
        <v>10.199999999999999</v>
      </c>
      <c r="T112" s="1">
        <v>16</v>
      </c>
      <c r="U112" s="1">
        <v>25.2</v>
      </c>
      <c r="V112" s="1">
        <v>34.6</v>
      </c>
      <c r="W112" s="1">
        <v>3.4</v>
      </c>
      <c r="X112" s="1">
        <v>3.5</v>
      </c>
      <c r="Y112" s="1">
        <v>1.3</v>
      </c>
      <c r="Z112" s="1">
        <v>32</v>
      </c>
      <c r="AA112" s="1">
        <v>1.5</v>
      </c>
      <c r="AB112" s="1">
        <v>34.299999999999997</v>
      </c>
      <c r="AC112" s="1">
        <v>17.8</v>
      </c>
      <c r="AD112" s="1">
        <v>4.0999999999999996</v>
      </c>
      <c r="AE112" s="1">
        <v>17.100000000000001</v>
      </c>
      <c r="AF112" s="1">
        <v>47.9</v>
      </c>
      <c r="AG112" s="1">
        <v>39.799999999999997</v>
      </c>
      <c r="AH112" s="1">
        <v>29.5</v>
      </c>
      <c r="AI112" s="1">
        <v>29.5</v>
      </c>
      <c r="AJ112" s="1">
        <v>24.3</v>
      </c>
      <c r="AK112" s="1">
        <v>10.3</v>
      </c>
      <c r="AL112" s="1">
        <v>0.4</v>
      </c>
      <c r="AM112" s="1"/>
      <c r="AN112" s="1">
        <v>474</v>
      </c>
      <c r="AO112" s="1">
        <v>20</v>
      </c>
      <c r="AP112" s="1">
        <v>160</v>
      </c>
      <c r="AQ112" s="1">
        <v>37</v>
      </c>
      <c r="AR112" s="1">
        <v>142</v>
      </c>
      <c r="AS112" s="1">
        <v>4</v>
      </c>
      <c r="AT112" s="1">
        <v>18</v>
      </c>
      <c r="AU112" s="1">
        <v>135</v>
      </c>
      <c r="AV112" s="1">
        <v>112</v>
      </c>
      <c r="AW112" s="1">
        <v>38</v>
      </c>
      <c r="AX112" s="1">
        <v>8</v>
      </c>
      <c r="AY112" s="1">
        <v>2</v>
      </c>
      <c r="AZ112" s="1">
        <v>13</v>
      </c>
      <c r="BA112" s="1">
        <v>7</v>
      </c>
      <c r="BB112" s="1"/>
      <c r="BC112" s="30">
        <v>0.26666666666666666</v>
      </c>
      <c r="BD112" s="30">
        <v>0.29791666666666666</v>
      </c>
      <c r="BE112" s="30">
        <v>0.77847222222222223</v>
      </c>
      <c r="BF112" s="30">
        <v>0.94513888888888886</v>
      </c>
      <c r="BG112" s="30">
        <v>0.3576388888888889</v>
      </c>
      <c r="BR112" s="1"/>
      <c r="BS112" s="1"/>
      <c r="BT112" s="1"/>
      <c r="BU112" s="1"/>
      <c r="BV112" s="1"/>
      <c r="BW112" s="1"/>
      <c r="BX112" s="1"/>
      <c r="BY112" s="1"/>
      <c r="BZ112" s="1"/>
      <c r="CA112" s="1"/>
      <c r="CB112" s="1"/>
      <c r="CC112" s="1"/>
      <c r="CD112" s="1"/>
      <c r="CE112" s="1"/>
      <c r="CF112" s="1"/>
      <c r="CG112" s="1"/>
      <c r="CH112" s="1"/>
      <c r="CI112" s="1"/>
      <c r="CJ112" s="1"/>
      <c r="CK112" s="1"/>
      <c r="CL112" s="1"/>
      <c r="CM112" s="1"/>
      <c r="CN112" s="1"/>
      <c r="CO112" s="1"/>
      <c r="CP112" s="1"/>
      <c r="CQ112" s="1"/>
      <c r="CR112" s="1"/>
      <c r="CS112" s="1"/>
      <c r="CT112" s="1"/>
      <c r="CU112" s="1"/>
      <c r="CV112" s="1"/>
      <c r="CW112" s="1"/>
      <c r="CX112" s="1"/>
      <c r="CY112" s="1"/>
      <c r="CZ112" s="1"/>
      <c r="DB112" s="1"/>
      <c r="DC112" s="1"/>
    </row>
    <row r="113" spans="2:107" x14ac:dyDescent="0.7">
      <c r="B113" s="1">
        <v>55.1</v>
      </c>
      <c r="C113" s="1">
        <v>3.1</v>
      </c>
      <c r="D113" s="1">
        <v>4.4000000000000004</v>
      </c>
      <c r="E113" s="1">
        <v>6.4</v>
      </c>
      <c r="F113" s="1">
        <v>3.9</v>
      </c>
      <c r="G113" s="1">
        <v>7.4</v>
      </c>
      <c r="H113" s="1">
        <v>39.5</v>
      </c>
      <c r="I113" s="1">
        <v>6.4</v>
      </c>
      <c r="J113" s="1">
        <v>10.6</v>
      </c>
      <c r="K113" s="1">
        <v>14.7</v>
      </c>
      <c r="L113" s="1">
        <v>7.8</v>
      </c>
      <c r="M113" s="1">
        <v>32.299999999999997</v>
      </c>
      <c r="N113" s="1">
        <v>5.3</v>
      </c>
      <c r="O113" s="1">
        <v>5.7</v>
      </c>
      <c r="P113" s="1">
        <v>44.1</v>
      </c>
      <c r="Q113" s="1">
        <v>10.4</v>
      </c>
      <c r="R113" s="1">
        <v>11.6</v>
      </c>
      <c r="S113" s="1">
        <v>7.8</v>
      </c>
      <c r="T113" s="1">
        <v>14.4</v>
      </c>
      <c r="U113" s="1">
        <v>25.7</v>
      </c>
      <c r="V113" s="1">
        <v>30.9</v>
      </c>
      <c r="W113" s="1">
        <v>4.4000000000000004</v>
      </c>
      <c r="X113" s="1">
        <v>3.5</v>
      </c>
      <c r="Y113" s="1">
        <v>1.6</v>
      </c>
      <c r="Z113" s="1">
        <v>29.5</v>
      </c>
      <c r="AA113" s="1">
        <v>2.2000000000000002</v>
      </c>
      <c r="AB113" s="1">
        <v>32.700000000000003</v>
      </c>
      <c r="AC113" s="1">
        <v>18.600000000000001</v>
      </c>
      <c r="AD113" s="1">
        <v>3.4</v>
      </c>
      <c r="AE113" s="1">
        <v>18.100000000000001</v>
      </c>
      <c r="AF113" s="1">
        <v>41.9</v>
      </c>
      <c r="AG113" s="1">
        <v>35.1</v>
      </c>
      <c r="AH113" s="1">
        <v>25.3</v>
      </c>
      <c r="AI113" s="1">
        <v>25.2</v>
      </c>
      <c r="AJ113" s="1">
        <v>20.5</v>
      </c>
      <c r="AK113" s="1">
        <v>8.6999999999999993</v>
      </c>
      <c r="AL113" s="1">
        <v>0.3</v>
      </c>
      <c r="AM113" s="1"/>
      <c r="AN113" s="1">
        <v>467</v>
      </c>
      <c r="AO113" s="1">
        <v>21</v>
      </c>
      <c r="AP113" s="1">
        <v>176</v>
      </c>
      <c r="AQ113" s="1">
        <v>35</v>
      </c>
      <c r="AR113" s="1">
        <v>142</v>
      </c>
      <c r="AS113" s="1">
        <v>5</v>
      </c>
      <c r="AT113" s="1">
        <v>14</v>
      </c>
      <c r="AU113" s="1">
        <v>141</v>
      </c>
      <c r="AV113" s="1">
        <v>111</v>
      </c>
      <c r="AW113" s="1">
        <v>32</v>
      </c>
      <c r="AX113" s="1">
        <v>8</v>
      </c>
      <c r="AY113" s="1">
        <v>2</v>
      </c>
      <c r="AZ113" s="1">
        <v>12</v>
      </c>
      <c r="BA113" s="1">
        <v>9</v>
      </c>
      <c r="BB113" s="1"/>
      <c r="BC113" s="30">
        <v>0.2590277777777778</v>
      </c>
      <c r="BD113" s="30">
        <v>0.29375000000000001</v>
      </c>
      <c r="BE113" s="30">
        <v>0.78125</v>
      </c>
      <c r="BF113" s="30">
        <v>0.94444444444444442</v>
      </c>
      <c r="BG113" s="30">
        <v>0.3576388888888889</v>
      </c>
      <c r="BR113" s="1"/>
      <c r="BS113" s="1"/>
      <c r="BT113" s="1"/>
      <c r="BU113" s="1"/>
      <c r="BV113" s="1"/>
      <c r="BW113" s="1"/>
      <c r="BX113" s="1"/>
      <c r="BY113" s="1"/>
      <c r="BZ113" s="1"/>
      <c r="CA113" s="1"/>
      <c r="CB113" s="1"/>
      <c r="CC113" s="1"/>
      <c r="CD113" s="1"/>
      <c r="CE113" s="1"/>
      <c r="CF113" s="1"/>
      <c r="CG113" s="1"/>
      <c r="CH113" s="1"/>
      <c r="CI113" s="1"/>
      <c r="CJ113" s="1"/>
      <c r="CK113" s="1"/>
      <c r="CL113" s="1"/>
      <c r="CM113" s="1"/>
      <c r="CN113" s="1"/>
      <c r="CO113" s="1"/>
      <c r="CP113" s="1"/>
      <c r="CQ113" s="1"/>
      <c r="CR113" s="1"/>
      <c r="CS113" s="1"/>
      <c r="CT113" s="1"/>
      <c r="CU113" s="1"/>
      <c r="CV113" s="1"/>
      <c r="CW113" s="1"/>
      <c r="CX113" s="1"/>
      <c r="CY113" s="1"/>
      <c r="CZ113" s="1"/>
      <c r="DB113" s="1"/>
      <c r="DC113" s="1"/>
    </row>
    <row r="114" spans="2:107" x14ac:dyDescent="0.7">
      <c r="B114" s="1">
        <v>60.1</v>
      </c>
      <c r="C114" s="1">
        <v>4.8</v>
      </c>
      <c r="D114" s="1">
        <v>2.9</v>
      </c>
      <c r="E114" s="1">
        <v>5</v>
      </c>
      <c r="F114" s="1">
        <v>3.7</v>
      </c>
      <c r="G114" s="1">
        <v>6.8</v>
      </c>
      <c r="H114" s="1">
        <v>44.7</v>
      </c>
      <c r="I114" s="1">
        <v>8.3000000000000007</v>
      </c>
      <c r="J114" s="1">
        <v>9.6</v>
      </c>
      <c r="K114" s="1">
        <v>15.4</v>
      </c>
      <c r="L114" s="1">
        <v>7</v>
      </c>
      <c r="M114" s="1">
        <v>32.6</v>
      </c>
      <c r="N114" s="1">
        <v>5.4</v>
      </c>
      <c r="O114" s="1">
        <v>6.3</v>
      </c>
      <c r="P114" s="1">
        <v>51.5</v>
      </c>
      <c r="Q114" s="1">
        <v>10.4</v>
      </c>
      <c r="R114" s="1">
        <v>12</v>
      </c>
      <c r="S114" s="1">
        <v>9.1999999999999993</v>
      </c>
      <c r="T114" s="1">
        <v>15.5</v>
      </c>
      <c r="U114" s="1">
        <v>28.8</v>
      </c>
      <c r="V114" s="1">
        <v>31.7</v>
      </c>
      <c r="W114" s="1">
        <v>3.9</v>
      </c>
      <c r="X114" s="1">
        <v>3.8</v>
      </c>
      <c r="Y114" s="1">
        <v>2.6</v>
      </c>
      <c r="Z114" s="1">
        <v>35.799999999999997</v>
      </c>
      <c r="AA114" s="1">
        <v>2.7</v>
      </c>
      <c r="AB114" s="1">
        <v>37.4</v>
      </c>
      <c r="AC114" s="1">
        <v>16.399999999999999</v>
      </c>
      <c r="AD114" s="1">
        <v>4.3</v>
      </c>
      <c r="AE114" s="1">
        <v>19.7</v>
      </c>
      <c r="AF114" s="1">
        <v>46.3</v>
      </c>
      <c r="AG114" s="1">
        <v>35.6</v>
      </c>
      <c r="AH114" s="1">
        <v>29</v>
      </c>
      <c r="AI114" s="1">
        <v>29</v>
      </c>
      <c r="AJ114" s="1">
        <v>21.6</v>
      </c>
      <c r="AK114" s="1">
        <v>13.6</v>
      </c>
      <c r="AL114" s="1">
        <v>0.3</v>
      </c>
      <c r="AM114" s="1"/>
      <c r="AN114" s="1">
        <v>473</v>
      </c>
      <c r="AO114" s="1">
        <v>21</v>
      </c>
      <c r="AP114" s="1">
        <v>169</v>
      </c>
      <c r="AQ114" s="1">
        <v>39</v>
      </c>
      <c r="AR114" s="1">
        <v>137</v>
      </c>
      <c r="AS114" s="1">
        <v>3</v>
      </c>
      <c r="AT114" s="1">
        <v>22</v>
      </c>
      <c r="AU114" s="1">
        <v>130</v>
      </c>
      <c r="AV114" s="1">
        <v>110</v>
      </c>
      <c r="AW114" s="1">
        <v>38</v>
      </c>
      <c r="AX114" s="1">
        <v>11</v>
      </c>
      <c r="AY114" s="1">
        <v>2</v>
      </c>
      <c r="AZ114" s="1">
        <v>14</v>
      </c>
      <c r="BA114" s="1">
        <v>5</v>
      </c>
      <c r="BB114" s="1"/>
      <c r="BC114" s="30">
        <v>0.26874999999999999</v>
      </c>
      <c r="BD114" s="30">
        <v>0.29930555555555555</v>
      </c>
      <c r="BE114" s="30">
        <v>0.78263888888888888</v>
      </c>
      <c r="BF114" s="30">
        <v>0.95208333333333328</v>
      </c>
      <c r="BG114" s="30">
        <v>0.3611111111111111</v>
      </c>
      <c r="BR114" s="1"/>
      <c r="BS114" s="1"/>
      <c r="BT114" s="1"/>
      <c r="BU114" s="1"/>
      <c r="BV114" s="1"/>
      <c r="BW114" s="1"/>
      <c r="BX114" s="1"/>
      <c r="BY114" s="1"/>
      <c r="BZ114" s="1"/>
      <c r="CA114" s="1"/>
      <c r="CB114" s="1"/>
      <c r="CC114" s="1"/>
      <c r="CD114" s="1"/>
      <c r="CE114" s="1"/>
      <c r="CF114" s="1"/>
      <c r="CG114" s="1"/>
      <c r="CH114" s="1"/>
      <c r="CI114" s="1"/>
      <c r="CJ114" s="1"/>
      <c r="CK114" s="1"/>
      <c r="CL114" s="1"/>
      <c r="CM114" s="1"/>
      <c r="CN114" s="1"/>
      <c r="CO114" s="1"/>
      <c r="CP114" s="1"/>
      <c r="CQ114" s="1"/>
      <c r="CR114" s="1"/>
      <c r="CS114" s="1"/>
      <c r="CT114" s="1"/>
      <c r="CU114" s="1"/>
      <c r="CV114" s="1"/>
      <c r="CW114" s="1"/>
      <c r="CX114" s="1"/>
      <c r="CY114" s="1"/>
      <c r="CZ114" s="1"/>
      <c r="DB114" s="1"/>
      <c r="DC114" s="1"/>
    </row>
    <row r="115" spans="2:107" x14ac:dyDescent="0.7">
      <c r="B115" s="1">
        <v>57.9</v>
      </c>
      <c r="C115" s="1">
        <v>3.4</v>
      </c>
      <c r="D115" s="1">
        <v>2.2999999999999998</v>
      </c>
      <c r="E115" s="1">
        <v>7.3</v>
      </c>
      <c r="F115" s="1">
        <v>4.8</v>
      </c>
      <c r="G115" s="1">
        <v>7.5</v>
      </c>
      <c r="H115" s="1">
        <v>42.4</v>
      </c>
      <c r="I115" s="1">
        <v>7.5</v>
      </c>
      <c r="J115" s="1">
        <v>8.8000000000000007</v>
      </c>
      <c r="K115" s="1">
        <v>16.399999999999999</v>
      </c>
      <c r="L115" s="1">
        <v>5.6</v>
      </c>
      <c r="M115" s="1">
        <v>32</v>
      </c>
      <c r="N115" s="1">
        <v>5.5</v>
      </c>
      <c r="O115" s="1">
        <v>6</v>
      </c>
      <c r="P115" s="1">
        <v>51.1</v>
      </c>
      <c r="Q115" s="1">
        <v>11</v>
      </c>
      <c r="R115" s="1">
        <v>12.8</v>
      </c>
      <c r="S115" s="1">
        <v>8.5</v>
      </c>
      <c r="T115" s="1">
        <v>14.6</v>
      </c>
      <c r="U115" s="1">
        <v>27.9</v>
      </c>
      <c r="V115" s="1">
        <v>31</v>
      </c>
      <c r="W115" s="1">
        <v>3.9</v>
      </c>
      <c r="X115" s="1">
        <v>3.5</v>
      </c>
      <c r="Y115" s="1">
        <v>2.5</v>
      </c>
      <c r="Z115" s="1">
        <v>31.6</v>
      </c>
      <c r="AA115" s="1">
        <v>2.2999999999999998</v>
      </c>
      <c r="AB115" s="1">
        <v>35.200000000000003</v>
      </c>
      <c r="AC115" s="1">
        <v>16.5</v>
      </c>
      <c r="AD115" s="1">
        <v>4</v>
      </c>
      <c r="AE115" s="1">
        <v>18.7</v>
      </c>
      <c r="AF115" s="1">
        <v>45</v>
      </c>
      <c r="AG115" s="1">
        <v>38.5</v>
      </c>
      <c r="AH115" s="1">
        <v>24.4</v>
      </c>
      <c r="AI115" s="1">
        <v>24.4</v>
      </c>
      <c r="AJ115" s="1">
        <v>18.899999999999999</v>
      </c>
      <c r="AK115" s="1">
        <v>8.8000000000000007</v>
      </c>
      <c r="AL115" s="1">
        <v>0.6</v>
      </c>
      <c r="AM115" s="1"/>
      <c r="AN115" s="1">
        <v>473</v>
      </c>
      <c r="AO115" s="1">
        <v>23</v>
      </c>
      <c r="AP115" s="1">
        <v>177</v>
      </c>
      <c r="AQ115" s="1">
        <v>41</v>
      </c>
      <c r="AR115" s="1">
        <v>146</v>
      </c>
      <c r="AS115" s="1">
        <v>3</v>
      </c>
      <c r="AT115" s="1">
        <v>22</v>
      </c>
      <c r="AU115" s="1">
        <v>115</v>
      </c>
      <c r="AV115" s="1">
        <v>111</v>
      </c>
      <c r="AW115" s="1">
        <v>29</v>
      </c>
      <c r="AX115" s="1">
        <v>8</v>
      </c>
      <c r="AY115" s="1">
        <v>2</v>
      </c>
      <c r="AZ115" s="1">
        <v>13</v>
      </c>
      <c r="BA115" s="1">
        <v>7</v>
      </c>
      <c r="BB115" s="1"/>
      <c r="BC115" s="30">
        <v>0.26319444444444445</v>
      </c>
      <c r="BD115" s="30">
        <v>0.29375000000000001</v>
      </c>
      <c r="BE115" s="30">
        <v>0.77986111111111112</v>
      </c>
      <c r="BF115" s="30">
        <v>0.94930555555555551</v>
      </c>
      <c r="BG115" s="30">
        <v>0.34722222222222221</v>
      </c>
      <c r="BR115" s="1"/>
      <c r="BS115" s="1"/>
      <c r="BT115" s="1"/>
      <c r="BU115" s="1"/>
      <c r="BV115" s="1"/>
      <c r="BW115" s="1"/>
      <c r="BX115" s="1"/>
      <c r="BY115" s="1"/>
      <c r="BZ115" s="1"/>
      <c r="CA115" s="1"/>
      <c r="CB115" s="1"/>
      <c r="CC115" s="1"/>
      <c r="CD115" s="1"/>
      <c r="CE115" s="1"/>
      <c r="CF115" s="1"/>
      <c r="CG115" s="1"/>
      <c r="CH115" s="1"/>
      <c r="CI115" s="1"/>
      <c r="CJ115" s="1"/>
      <c r="CK115" s="1"/>
      <c r="CL115" s="1"/>
      <c r="CM115" s="1"/>
      <c r="CN115" s="1"/>
      <c r="CO115" s="1"/>
      <c r="CP115" s="1"/>
      <c r="CQ115" s="1"/>
      <c r="CR115" s="1"/>
      <c r="CS115" s="1"/>
      <c r="CT115" s="1"/>
      <c r="CU115" s="1"/>
      <c r="CV115" s="1"/>
      <c r="CW115" s="1"/>
      <c r="CX115" s="1"/>
      <c r="CY115" s="1"/>
      <c r="CZ115" s="1"/>
      <c r="DB115" s="1"/>
      <c r="DC115" s="1"/>
    </row>
    <row r="116" spans="2:107" x14ac:dyDescent="0.7">
      <c r="B116" s="1">
        <v>59</v>
      </c>
      <c r="C116" s="1">
        <v>3</v>
      </c>
      <c r="D116" s="1">
        <v>2.5</v>
      </c>
      <c r="E116" s="1">
        <v>8.3000000000000007</v>
      </c>
      <c r="F116" s="1">
        <v>3.8</v>
      </c>
      <c r="G116" s="1">
        <v>6.7</v>
      </c>
      <c r="H116" s="1">
        <v>45.4</v>
      </c>
      <c r="I116" s="1">
        <v>7.9</v>
      </c>
      <c r="J116" s="1">
        <v>10.4</v>
      </c>
      <c r="K116" s="1">
        <v>13.9</v>
      </c>
      <c r="L116" s="1">
        <v>6.7</v>
      </c>
      <c r="M116" s="1">
        <v>26</v>
      </c>
      <c r="N116" s="1">
        <v>5</v>
      </c>
      <c r="O116" s="1">
        <v>6.6</v>
      </c>
      <c r="P116" s="1">
        <v>48</v>
      </c>
      <c r="Q116" s="1">
        <v>11.8</v>
      </c>
      <c r="R116" s="1">
        <v>12.2</v>
      </c>
      <c r="S116" s="1">
        <v>8.8000000000000007</v>
      </c>
      <c r="T116" s="1">
        <v>16.8</v>
      </c>
      <c r="U116" s="1">
        <v>28</v>
      </c>
      <c r="V116" s="1">
        <v>34.799999999999997</v>
      </c>
      <c r="W116" s="1">
        <v>4.3</v>
      </c>
      <c r="X116" s="1">
        <v>5.3</v>
      </c>
      <c r="Y116" s="1">
        <v>2.2000000000000002</v>
      </c>
      <c r="Z116" s="1">
        <v>29</v>
      </c>
      <c r="AA116" s="1">
        <v>2.2000000000000002</v>
      </c>
      <c r="AB116" s="1">
        <v>31.7</v>
      </c>
      <c r="AC116" s="1">
        <v>16.2</v>
      </c>
      <c r="AD116" s="1">
        <v>4.7</v>
      </c>
      <c r="AE116" s="1">
        <v>18.7</v>
      </c>
      <c r="AF116" s="1">
        <v>47.6</v>
      </c>
      <c r="AG116" s="1">
        <v>41.2</v>
      </c>
      <c r="AH116" s="1">
        <v>26.7</v>
      </c>
      <c r="AI116" s="1">
        <v>26.7</v>
      </c>
      <c r="AJ116" s="1">
        <v>20.2</v>
      </c>
      <c r="AK116" s="1">
        <v>11.2</v>
      </c>
      <c r="AL116" s="1">
        <v>0.3</v>
      </c>
      <c r="AM116" s="1"/>
      <c r="AN116" s="1">
        <v>476</v>
      </c>
      <c r="AO116" s="1">
        <v>21</v>
      </c>
      <c r="AP116" s="1">
        <v>160</v>
      </c>
      <c r="AQ116" s="1">
        <v>38</v>
      </c>
      <c r="AR116" s="1">
        <v>143</v>
      </c>
      <c r="AS116" s="1">
        <v>4</v>
      </c>
      <c r="AT116" s="1">
        <v>14</v>
      </c>
      <c r="AU116" s="1">
        <v>122</v>
      </c>
      <c r="AV116" s="1">
        <v>117</v>
      </c>
      <c r="AW116" s="1">
        <v>28</v>
      </c>
      <c r="AX116" s="1">
        <v>9</v>
      </c>
      <c r="AY116" s="1">
        <v>2</v>
      </c>
      <c r="AZ116" s="1">
        <v>10</v>
      </c>
      <c r="BA116" s="1">
        <v>9</v>
      </c>
      <c r="BB116" s="1"/>
      <c r="BC116" s="30">
        <v>0.27152777777777776</v>
      </c>
      <c r="BD116" s="30">
        <v>0.30069444444444443</v>
      </c>
      <c r="BE116" s="30">
        <v>0.78194444444444444</v>
      </c>
      <c r="BF116" s="30">
        <v>0.95277777777777772</v>
      </c>
      <c r="BG116" s="30">
        <v>0.37013888888888891</v>
      </c>
      <c r="BR116" s="1"/>
      <c r="BS116" s="1"/>
      <c r="BT116" s="1"/>
      <c r="BU116" s="1"/>
      <c r="BV116" s="1"/>
      <c r="BW116" s="1"/>
      <c r="BX116" s="1"/>
      <c r="BY116" s="1"/>
      <c r="BZ116" s="1"/>
      <c r="CA116" s="1"/>
      <c r="CB116" s="1"/>
      <c r="CC116" s="1"/>
      <c r="CD116" s="1"/>
      <c r="CE116" s="1"/>
      <c r="CF116" s="1"/>
      <c r="CG116" s="1"/>
      <c r="CH116" s="1"/>
      <c r="CI116" s="1"/>
      <c r="CJ116" s="1"/>
      <c r="CK116" s="1"/>
      <c r="CL116" s="1"/>
      <c r="CM116" s="1"/>
      <c r="CN116" s="1"/>
      <c r="CO116" s="1"/>
      <c r="CP116" s="1"/>
      <c r="CQ116" s="1"/>
      <c r="CR116" s="1"/>
      <c r="CS116" s="1"/>
      <c r="CT116" s="1"/>
      <c r="CU116" s="1"/>
      <c r="CV116" s="1"/>
      <c r="CW116" s="1"/>
      <c r="CX116" s="1"/>
      <c r="CY116" s="1"/>
      <c r="CZ116" s="1"/>
      <c r="DB116" s="1"/>
      <c r="DC116" s="1"/>
    </row>
    <row r="117" spans="2:107" x14ac:dyDescent="0.7">
      <c r="B117" s="1">
        <v>61.7</v>
      </c>
      <c r="C117" s="1">
        <v>3.1</v>
      </c>
      <c r="D117" s="1">
        <v>4.9000000000000004</v>
      </c>
      <c r="E117" s="1">
        <v>9.5</v>
      </c>
      <c r="F117" s="1">
        <v>4.2</v>
      </c>
      <c r="G117" s="1">
        <v>6.8</v>
      </c>
      <c r="H117" s="1">
        <v>45.6</v>
      </c>
      <c r="I117" s="1">
        <v>9</v>
      </c>
      <c r="J117" s="1">
        <v>10.8</v>
      </c>
      <c r="K117" s="1">
        <v>13.1</v>
      </c>
      <c r="L117" s="1">
        <v>7.1</v>
      </c>
      <c r="M117" s="1">
        <v>26.6</v>
      </c>
      <c r="N117" s="1">
        <v>5.4</v>
      </c>
      <c r="O117" s="1">
        <v>6.4</v>
      </c>
      <c r="P117" s="1">
        <v>49.1</v>
      </c>
      <c r="Q117" s="1">
        <v>11.9</v>
      </c>
      <c r="R117" s="1">
        <v>14.6</v>
      </c>
      <c r="S117" s="1">
        <v>9.6</v>
      </c>
      <c r="T117" s="1">
        <v>16.600000000000001</v>
      </c>
      <c r="U117" s="1">
        <v>31.3</v>
      </c>
      <c r="V117" s="1">
        <v>37.799999999999997</v>
      </c>
      <c r="W117" s="1">
        <v>4.2</v>
      </c>
      <c r="X117" s="1">
        <v>3.9</v>
      </c>
      <c r="Y117" s="1">
        <v>2.4</v>
      </c>
      <c r="Z117" s="1">
        <v>30.7</v>
      </c>
      <c r="AA117" s="1">
        <v>2.2000000000000002</v>
      </c>
      <c r="AB117" s="1">
        <v>33</v>
      </c>
      <c r="AC117" s="1">
        <v>14.6</v>
      </c>
      <c r="AD117" s="1">
        <v>4.5999999999999996</v>
      </c>
      <c r="AE117" s="1">
        <v>19.899999999999999</v>
      </c>
      <c r="AF117" s="1">
        <v>49.2</v>
      </c>
      <c r="AG117" s="1">
        <v>41</v>
      </c>
      <c r="AH117" s="1">
        <v>28.6</v>
      </c>
      <c r="AI117" s="1">
        <v>28.5</v>
      </c>
      <c r="AJ117" s="1">
        <v>21.7</v>
      </c>
      <c r="AK117" s="1">
        <v>12.5</v>
      </c>
      <c r="AL117" s="1">
        <v>0</v>
      </c>
      <c r="AM117" s="1"/>
      <c r="AN117" s="1">
        <v>468</v>
      </c>
      <c r="AO117" s="1">
        <v>22</v>
      </c>
      <c r="AP117" s="1">
        <v>163</v>
      </c>
      <c r="AQ117" s="1">
        <v>40</v>
      </c>
      <c r="AR117" s="1">
        <v>151</v>
      </c>
      <c r="AS117" s="1">
        <v>5</v>
      </c>
      <c r="AT117" s="1">
        <v>25</v>
      </c>
      <c r="AU117" s="1">
        <v>111</v>
      </c>
      <c r="AV117" s="1">
        <v>112</v>
      </c>
      <c r="AW117" s="1">
        <v>35</v>
      </c>
      <c r="AX117" s="1">
        <v>11</v>
      </c>
      <c r="AY117" s="1">
        <v>2</v>
      </c>
      <c r="AZ117" s="1">
        <v>10</v>
      </c>
      <c r="BA117" s="1">
        <v>11</v>
      </c>
      <c r="BB117" s="1"/>
      <c r="BC117" s="30">
        <v>0.25833333333333336</v>
      </c>
      <c r="BD117" s="30">
        <v>0.29305555555555557</v>
      </c>
      <c r="BE117" s="30">
        <v>0.78055555555555556</v>
      </c>
      <c r="BF117" s="30">
        <v>0.9458333333333333</v>
      </c>
      <c r="BG117" s="30">
        <v>0.34861111111111109</v>
      </c>
      <c r="BR117" s="1"/>
      <c r="BS117" s="1"/>
      <c r="BT117" s="1"/>
      <c r="BU117" s="1"/>
      <c r="BV117" s="1"/>
      <c r="BW117" s="1"/>
      <c r="BX117" s="1"/>
      <c r="BY117" s="1"/>
      <c r="BZ117" s="1"/>
      <c r="CA117" s="1"/>
      <c r="CB117" s="1"/>
      <c r="CC117" s="1"/>
      <c r="CD117" s="1"/>
      <c r="CE117" s="1"/>
      <c r="CF117" s="1"/>
      <c r="CG117" s="1"/>
      <c r="CH117" s="1"/>
      <c r="CI117" s="1"/>
      <c r="CJ117" s="1"/>
      <c r="CK117" s="1"/>
      <c r="CL117" s="1"/>
      <c r="CM117" s="1"/>
      <c r="CN117" s="1"/>
      <c r="CO117" s="1"/>
      <c r="CP117" s="1"/>
      <c r="CQ117" s="1"/>
      <c r="CR117" s="1"/>
      <c r="CS117" s="1"/>
      <c r="CT117" s="1"/>
      <c r="CU117" s="1"/>
      <c r="CV117" s="1"/>
      <c r="CW117" s="1"/>
      <c r="CX117" s="1"/>
      <c r="CY117" s="1"/>
      <c r="CZ117" s="1"/>
      <c r="DB117" s="1"/>
      <c r="DC117" s="1"/>
    </row>
    <row r="118" spans="2:107" x14ac:dyDescent="0.7">
      <c r="B118" s="1">
        <v>61.8</v>
      </c>
      <c r="C118" s="1">
        <v>3.4</v>
      </c>
      <c r="D118" s="1">
        <v>2.1</v>
      </c>
      <c r="E118" s="1">
        <v>7.5</v>
      </c>
      <c r="F118" s="1">
        <v>4.5999999999999996</v>
      </c>
      <c r="G118" s="1">
        <v>4.8</v>
      </c>
      <c r="H118" s="1">
        <v>46</v>
      </c>
      <c r="I118" s="1">
        <v>8.3000000000000007</v>
      </c>
      <c r="J118" s="1">
        <v>8.4</v>
      </c>
      <c r="K118" s="1">
        <v>9.3000000000000007</v>
      </c>
      <c r="L118" s="1">
        <v>6.7</v>
      </c>
      <c r="M118" s="1">
        <v>29.8</v>
      </c>
      <c r="N118" s="1">
        <v>3.4</v>
      </c>
      <c r="O118" s="1">
        <v>5.8</v>
      </c>
      <c r="P118" s="1">
        <v>49</v>
      </c>
      <c r="Q118" s="1">
        <v>10.7</v>
      </c>
      <c r="R118" s="1">
        <v>13.1</v>
      </c>
      <c r="S118" s="1">
        <v>9.1999999999999993</v>
      </c>
      <c r="T118" s="1">
        <v>14.7</v>
      </c>
      <c r="U118" s="1">
        <v>28</v>
      </c>
      <c r="V118" s="1">
        <v>32.4</v>
      </c>
      <c r="W118" s="1">
        <v>4</v>
      </c>
      <c r="X118" s="1">
        <v>3.6</v>
      </c>
      <c r="Y118" s="1">
        <v>1.8</v>
      </c>
      <c r="Z118" s="1">
        <v>31.5</v>
      </c>
      <c r="AA118" s="1">
        <v>3</v>
      </c>
      <c r="AB118" s="1">
        <v>39</v>
      </c>
      <c r="AC118" s="1">
        <v>17.2</v>
      </c>
      <c r="AD118" s="1">
        <v>3.9</v>
      </c>
      <c r="AE118" s="1">
        <v>20</v>
      </c>
      <c r="AF118" s="1">
        <v>49.7</v>
      </c>
      <c r="AG118" s="1">
        <v>42.9</v>
      </c>
      <c r="AH118" s="1">
        <v>28.4</v>
      </c>
      <c r="AI118" s="1">
        <v>28.2</v>
      </c>
      <c r="AJ118" s="1">
        <v>22.5</v>
      </c>
      <c r="AK118" s="1">
        <v>11</v>
      </c>
      <c r="AL118" s="1">
        <v>0.4</v>
      </c>
      <c r="AM118" s="1"/>
      <c r="AN118" s="1">
        <v>465</v>
      </c>
      <c r="AO118" s="1">
        <v>23</v>
      </c>
      <c r="AP118" s="1">
        <v>162</v>
      </c>
      <c r="AQ118" s="1">
        <v>42</v>
      </c>
      <c r="AR118" s="1">
        <v>148</v>
      </c>
      <c r="AS118" s="1">
        <v>6</v>
      </c>
      <c r="AT118" s="1">
        <v>18</v>
      </c>
      <c r="AU118" s="1">
        <v>127</v>
      </c>
      <c r="AV118" s="1">
        <v>120</v>
      </c>
      <c r="AW118" s="1">
        <v>35</v>
      </c>
      <c r="AX118" s="1">
        <v>9</v>
      </c>
      <c r="AY118" s="1">
        <v>2</v>
      </c>
      <c r="AZ118" s="1">
        <v>13</v>
      </c>
      <c r="BA118" s="1">
        <v>8</v>
      </c>
      <c r="BB118" s="1"/>
      <c r="BC118" s="30">
        <v>0.26805555555555555</v>
      </c>
      <c r="BD118" s="30">
        <v>0.29652777777777778</v>
      </c>
      <c r="BE118" s="30">
        <v>0.77222222222222225</v>
      </c>
      <c r="BF118" s="30">
        <v>0.95416666666666672</v>
      </c>
      <c r="BG118" s="30">
        <v>0.36388888888888887</v>
      </c>
      <c r="BR118" s="1"/>
      <c r="BS118" s="1"/>
      <c r="BT118" s="1"/>
      <c r="BU118" s="1"/>
      <c r="BV118" s="1"/>
      <c r="BW118" s="1"/>
      <c r="BX118" s="1"/>
      <c r="BY118" s="1"/>
      <c r="BZ118" s="1"/>
      <c r="CA118" s="1"/>
      <c r="CB118" s="1"/>
      <c r="CC118" s="1"/>
      <c r="CD118" s="1"/>
      <c r="CE118" s="1"/>
      <c r="CF118" s="1"/>
      <c r="CG118" s="1"/>
      <c r="CH118" s="1"/>
      <c r="CI118" s="1"/>
      <c r="CJ118" s="1"/>
      <c r="CK118" s="1"/>
      <c r="CL118" s="1"/>
      <c r="CM118" s="1"/>
      <c r="CN118" s="1"/>
      <c r="CO118" s="1"/>
      <c r="CP118" s="1"/>
      <c r="CQ118" s="1"/>
      <c r="CR118" s="1"/>
      <c r="CS118" s="1"/>
      <c r="CT118" s="1"/>
      <c r="CU118" s="1"/>
      <c r="CV118" s="1"/>
      <c r="CW118" s="1"/>
      <c r="CX118" s="1"/>
      <c r="CY118" s="1"/>
      <c r="CZ118" s="1"/>
      <c r="DB118" s="1"/>
      <c r="DC118" s="1"/>
    </row>
    <row r="119" spans="2:107" x14ac:dyDescent="0.7">
      <c r="B119" s="1">
        <v>63.1</v>
      </c>
      <c r="C119" s="1">
        <v>3.6</v>
      </c>
      <c r="D119" s="1">
        <v>0.7</v>
      </c>
      <c r="E119" s="1">
        <v>6.6</v>
      </c>
      <c r="F119" s="1">
        <v>5</v>
      </c>
      <c r="G119" s="1">
        <v>7.8</v>
      </c>
      <c r="H119" s="1">
        <v>49</v>
      </c>
      <c r="I119" s="1">
        <v>8.5</v>
      </c>
      <c r="J119" s="1">
        <v>10.199999999999999</v>
      </c>
      <c r="K119" s="1">
        <v>12.4</v>
      </c>
      <c r="L119" s="1">
        <v>6.7</v>
      </c>
      <c r="M119" s="1">
        <v>28.3</v>
      </c>
      <c r="N119" s="1">
        <v>4.5999999999999996</v>
      </c>
      <c r="O119" s="1">
        <v>5.7</v>
      </c>
      <c r="P119" s="1">
        <v>50.5</v>
      </c>
      <c r="Q119" s="1">
        <v>11</v>
      </c>
      <c r="R119" s="1">
        <v>13.2</v>
      </c>
      <c r="S119" s="1">
        <v>10.6</v>
      </c>
      <c r="T119" s="1">
        <v>18</v>
      </c>
      <c r="U119" s="1">
        <v>27.7</v>
      </c>
      <c r="V119" s="1">
        <v>34.6</v>
      </c>
      <c r="W119" s="1">
        <v>4.8</v>
      </c>
      <c r="X119" s="1">
        <v>4.8</v>
      </c>
      <c r="Y119" s="1">
        <v>2</v>
      </c>
      <c r="Z119" s="1">
        <v>33.299999999999997</v>
      </c>
      <c r="AA119" s="1">
        <v>2.6</v>
      </c>
      <c r="AB119" s="1">
        <v>38.4</v>
      </c>
      <c r="AC119" s="1">
        <v>18.2</v>
      </c>
      <c r="AD119" s="1">
        <v>4.0999999999999996</v>
      </c>
      <c r="AE119" s="1">
        <v>16.899999999999999</v>
      </c>
      <c r="AF119" s="1">
        <v>41.6</v>
      </c>
      <c r="AG119" s="1">
        <v>37.700000000000003</v>
      </c>
      <c r="AH119" s="1">
        <v>22.6</v>
      </c>
      <c r="AI119" s="1">
        <v>22.6</v>
      </c>
      <c r="AJ119" s="1">
        <v>18.100000000000001</v>
      </c>
      <c r="AK119" s="1">
        <v>9.1</v>
      </c>
      <c r="AL119" s="1">
        <v>0.4</v>
      </c>
      <c r="AM119" s="1"/>
      <c r="AN119" s="1">
        <v>463</v>
      </c>
      <c r="AO119" s="1">
        <v>20</v>
      </c>
      <c r="AP119" s="1">
        <v>147</v>
      </c>
      <c r="AQ119" s="1">
        <v>41</v>
      </c>
      <c r="AR119" s="1">
        <v>158</v>
      </c>
      <c r="AS119" s="1">
        <v>2</v>
      </c>
      <c r="AT119" s="1">
        <v>17</v>
      </c>
      <c r="AU119" s="1">
        <v>135</v>
      </c>
      <c r="AV119" s="1">
        <v>115</v>
      </c>
      <c r="AW119" s="1">
        <v>35</v>
      </c>
      <c r="AX119" s="1">
        <v>10</v>
      </c>
      <c r="AY119" s="1">
        <v>2</v>
      </c>
      <c r="AZ119" s="1">
        <v>13</v>
      </c>
      <c r="BA119" s="1">
        <v>7</v>
      </c>
      <c r="BB119" s="1"/>
      <c r="BC119" s="30">
        <v>0.26180555555555557</v>
      </c>
      <c r="BD119" s="30">
        <v>0.29583333333333334</v>
      </c>
      <c r="BE119" s="30">
        <v>0.77152777777777781</v>
      </c>
      <c r="BF119" s="30">
        <v>0.9506944444444444</v>
      </c>
      <c r="BG119" s="30">
        <v>0.35694444444444445</v>
      </c>
      <c r="BR119" s="1"/>
      <c r="BS119" s="1"/>
      <c r="BT119" s="1"/>
      <c r="BU119" s="1"/>
      <c r="BV119" s="1"/>
      <c r="BW119" s="1"/>
      <c r="BX119" s="1"/>
      <c r="BY119" s="1"/>
      <c r="BZ119" s="1"/>
      <c r="CA119" s="1"/>
      <c r="CB119" s="1"/>
      <c r="CC119" s="1"/>
      <c r="CD119" s="1"/>
      <c r="CE119" s="1"/>
      <c r="CF119" s="1"/>
      <c r="CG119" s="1"/>
      <c r="CH119" s="1"/>
      <c r="CI119" s="1"/>
      <c r="CJ119" s="1"/>
      <c r="CK119" s="1"/>
      <c r="CL119" s="1"/>
      <c r="CM119" s="1"/>
      <c r="CN119" s="1"/>
      <c r="CO119" s="1"/>
      <c r="CP119" s="1"/>
      <c r="CQ119" s="1"/>
      <c r="CR119" s="1"/>
      <c r="CS119" s="1"/>
      <c r="CT119" s="1"/>
      <c r="CU119" s="1"/>
      <c r="CV119" s="1"/>
      <c r="CW119" s="1"/>
      <c r="CX119" s="1"/>
      <c r="CY119" s="1"/>
      <c r="CZ119" s="1"/>
      <c r="DB119" s="1"/>
      <c r="DC119" s="1"/>
    </row>
    <row r="120" spans="2:107" x14ac:dyDescent="0.7">
      <c r="B120" s="1">
        <v>65.2</v>
      </c>
      <c r="C120" s="1">
        <v>4.3</v>
      </c>
      <c r="D120" s="1">
        <v>2.8</v>
      </c>
      <c r="E120" s="1">
        <v>7.8</v>
      </c>
      <c r="F120" s="1">
        <v>5.2</v>
      </c>
      <c r="G120" s="1">
        <v>7.2</v>
      </c>
      <c r="H120" s="1">
        <v>48.2</v>
      </c>
      <c r="I120" s="1">
        <v>10.4</v>
      </c>
      <c r="J120" s="1">
        <v>11.5</v>
      </c>
      <c r="K120" s="1">
        <v>13.9</v>
      </c>
      <c r="L120" s="1">
        <v>9.4</v>
      </c>
      <c r="M120" s="1">
        <v>34</v>
      </c>
      <c r="N120" s="1">
        <v>5</v>
      </c>
      <c r="O120" s="1">
        <v>9.3000000000000007</v>
      </c>
      <c r="P120" s="1">
        <v>57.7</v>
      </c>
      <c r="Q120" s="1">
        <v>13.6</v>
      </c>
      <c r="R120" s="1">
        <v>15.5</v>
      </c>
      <c r="S120" s="1">
        <v>11.3</v>
      </c>
      <c r="T120" s="1">
        <v>16.7</v>
      </c>
      <c r="U120" s="1">
        <v>30</v>
      </c>
      <c r="V120" s="1">
        <v>32.700000000000003</v>
      </c>
      <c r="W120" s="1">
        <v>5.4</v>
      </c>
      <c r="X120" s="1">
        <v>4.7</v>
      </c>
      <c r="Y120" s="1">
        <v>2.4</v>
      </c>
      <c r="Z120" s="1">
        <v>35.700000000000003</v>
      </c>
      <c r="AA120" s="1">
        <v>2.9</v>
      </c>
      <c r="AB120" s="1">
        <v>44.1</v>
      </c>
      <c r="AC120" s="1">
        <v>26.8</v>
      </c>
      <c r="AD120" s="1">
        <v>7.4</v>
      </c>
      <c r="AE120" s="1">
        <v>16.8</v>
      </c>
      <c r="AF120" s="1">
        <v>57.7</v>
      </c>
      <c r="AG120" s="1">
        <v>47.8</v>
      </c>
      <c r="AH120" s="1">
        <v>40</v>
      </c>
      <c r="AI120" s="1">
        <v>39.9</v>
      </c>
      <c r="AJ120" s="1">
        <v>31.6</v>
      </c>
      <c r="AK120" s="1">
        <v>16.3</v>
      </c>
      <c r="AL120" s="1">
        <v>0.4</v>
      </c>
      <c r="AM120" s="1"/>
      <c r="AN120" s="1">
        <v>470</v>
      </c>
      <c r="AO120" s="1">
        <v>23</v>
      </c>
      <c r="AP120" s="1">
        <v>143</v>
      </c>
      <c r="AQ120" s="1">
        <v>38</v>
      </c>
      <c r="AR120" s="1">
        <v>151</v>
      </c>
      <c r="AS120" s="1">
        <v>3</v>
      </c>
      <c r="AT120" s="1">
        <v>29</v>
      </c>
      <c r="AU120" s="1">
        <v>118</v>
      </c>
      <c r="AV120" s="1">
        <v>113</v>
      </c>
      <c r="AW120" s="1">
        <v>40</v>
      </c>
      <c r="AX120" s="1">
        <v>9</v>
      </c>
      <c r="AY120" s="1">
        <v>2</v>
      </c>
      <c r="AZ120" s="1">
        <v>12</v>
      </c>
      <c r="BA120" s="1">
        <v>8</v>
      </c>
      <c r="BB120" s="1"/>
      <c r="BC120" s="30">
        <v>0.26944444444444443</v>
      </c>
      <c r="BD120" s="30">
        <v>0.3</v>
      </c>
      <c r="BE120" s="30">
        <v>0.78125</v>
      </c>
      <c r="BF120" s="30">
        <v>0.95347222222222228</v>
      </c>
      <c r="BG120" s="30">
        <v>0.3659722222222222</v>
      </c>
      <c r="BR120" s="1"/>
      <c r="BS120" s="1"/>
      <c r="BT120" s="1"/>
      <c r="BU120" s="1"/>
      <c r="BV120" s="1"/>
      <c r="BW120" s="1"/>
      <c r="BX120" s="1"/>
      <c r="BY120" s="1"/>
      <c r="BZ120" s="1"/>
      <c r="CA120" s="1"/>
      <c r="CB120" s="1"/>
      <c r="CC120" s="1"/>
      <c r="CD120" s="1"/>
      <c r="CE120" s="1"/>
      <c r="CF120" s="1"/>
      <c r="CG120" s="1"/>
      <c r="CH120" s="1"/>
      <c r="CI120" s="1"/>
      <c r="CJ120" s="1"/>
      <c r="CK120" s="1"/>
      <c r="CL120" s="1"/>
      <c r="CM120" s="1"/>
      <c r="CN120" s="1"/>
      <c r="CO120" s="1"/>
      <c r="CP120" s="1"/>
      <c r="CQ120" s="1"/>
      <c r="CR120" s="1"/>
      <c r="CS120" s="1"/>
      <c r="CT120" s="1"/>
      <c r="CU120" s="1"/>
      <c r="CV120" s="1"/>
      <c r="CW120" s="1"/>
      <c r="CX120" s="1"/>
      <c r="CY120" s="1"/>
      <c r="CZ120" s="1"/>
      <c r="DB120" s="1"/>
      <c r="DC120" s="1"/>
    </row>
    <row r="121" spans="2:107" x14ac:dyDescent="0.7">
      <c r="B121" s="1">
        <v>60.3</v>
      </c>
      <c r="C121" s="1">
        <v>3.2</v>
      </c>
      <c r="D121" s="1">
        <v>1</v>
      </c>
      <c r="E121" s="1">
        <v>5.5</v>
      </c>
      <c r="F121" s="1">
        <v>3.7</v>
      </c>
      <c r="G121" s="1">
        <v>6.4</v>
      </c>
      <c r="H121" s="1">
        <v>47.3</v>
      </c>
      <c r="I121" s="1">
        <v>6.7</v>
      </c>
      <c r="J121" s="1">
        <v>9.4</v>
      </c>
      <c r="K121" s="1">
        <v>9.5</v>
      </c>
      <c r="L121" s="1">
        <v>5.8</v>
      </c>
      <c r="M121" s="1">
        <v>27.8</v>
      </c>
      <c r="N121" s="1">
        <v>2.7</v>
      </c>
      <c r="O121" s="1">
        <v>7</v>
      </c>
      <c r="P121" s="1">
        <v>49.7</v>
      </c>
      <c r="Q121" s="1">
        <v>9.8000000000000007</v>
      </c>
      <c r="R121" s="1">
        <v>12</v>
      </c>
      <c r="S121" s="1">
        <v>9.8000000000000007</v>
      </c>
      <c r="T121" s="1">
        <v>16.399999999999999</v>
      </c>
      <c r="U121" s="1">
        <v>28.7</v>
      </c>
      <c r="V121" s="1">
        <v>34.6</v>
      </c>
      <c r="W121" s="1">
        <v>4.7</v>
      </c>
      <c r="X121" s="1">
        <v>3.6</v>
      </c>
      <c r="Y121" s="1">
        <v>2</v>
      </c>
      <c r="Z121" s="1">
        <v>32.299999999999997</v>
      </c>
      <c r="AA121" s="1">
        <v>2.2999999999999998</v>
      </c>
      <c r="AB121" s="1">
        <v>37.799999999999997</v>
      </c>
      <c r="AC121" s="1">
        <v>15.5</v>
      </c>
      <c r="AD121" s="1">
        <v>3.2</v>
      </c>
      <c r="AE121" s="1">
        <v>17.899999999999999</v>
      </c>
      <c r="AF121" s="1">
        <v>47.4</v>
      </c>
      <c r="AG121" s="1">
        <v>40.6</v>
      </c>
      <c r="AH121" s="1">
        <v>27.7</v>
      </c>
      <c r="AI121" s="1">
        <v>27.7</v>
      </c>
      <c r="AJ121" s="1">
        <v>21.1</v>
      </c>
      <c r="AK121" s="1">
        <v>11.9</v>
      </c>
      <c r="AL121" s="1">
        <v>0.2</v>
      </c>
      <c r="AM121" s="1"/>
      <c r="AN121" s="1">
        <v>466</v>
      </c>
      <c r="AO121" s="1">
        <v>23</v>
      </c>
      <c r="AP121" s="1">
        <v>145</v>
      </c>
      <c r="AQ121" s="1">
        <v>37</v>
      </c>
      <c r="AR121" s="1">
        <v>156</v>
      </c>
      <c r="AS121" s="1">
        <v>5</v>
      </c>
      <c r="AT121" s="1">
        <v>28</v>
      </c>
      <c r="AU121" s="1">
        <v>129</v>
      </c>
      <c r="AV121" s="1">
        <v>116</v>
      </c>
      <c r="AW121" s="1">
        <v>33</v>
      </c>
      <c r="AX121" s="1">
        <v>10</v>
      </c>
      <c r="AY121" s="1">
        <v>2</v>
      </c>
      <c r="AZ121" s="1">
        <v>10</v>
      </c>
      <c r="BA121" s="1">
        <v>9</v>
      </c>
      <c r="BB121" s="1"/>
      <c r="BC121" s="30">
        <v>0.26666666666666666</v>
      </c>
      <c r="BD121" s="30">
        <v>0.2986111111111111</v>
      </c>
      <c r="BE121" s="30">
        <v>0.77569444444444446</v>
      </c>
      <c r="BF121" s="30">
        <v>0.95763888888888893</v>
      </c>
      <c r="BG121" s="30">
        <v>0.3611111111111111</v>
      </c>
      <c r="BR121" s="1"/>
      <c r="BS121" s="1"/>
      <c r="BT121" s="1"/>
      <c r="BU121" s="1"/>
      <c r="BV121" s="1"/>
      <c r="BW121" s="1"/>
      <c r="BX121" s="1"/>
      <c r="BY121" s="1"/>
      <c r="BZ121" s="1"/>
      <c r="CA121" s="1"/>
      <c r="CB121" s="1"/>
      <c r="CC121" s="1"/>
      <c r="CD121" s="1"/>
      <c r="CE121" s="1"/>
      <c r="CF121" s="1"/>
      <c r="CG121" s="1"/>
      <c r="CH121" s="1"/>
      <c r="CI121" s="1"/>
      <c r="CJ121" s="1"/>
      <c r="CK121" s="1"/>
      <c r="CL121" s="1"/>
      <c r="CM121" s="1"/>
      <c r="CN121" s="1"/>
      <c r="CO121" s="1"/>
      <c r="CP121" s="1"/>
      <c r="CQ121" s="1"/>
      <c r="CR121" s="1"/>
      <c r="CS121" s="1"/>
      <c r="CT121" s="1"/>
      <c r="CU121" s="1"/>
      <c r="CV121" s="1"/>
      <c r="CW121" s="1"/>
      <c r="CX121" s="1"/>
      <c r="CY121" s="1"/>
      <c r="CZ121" s="1"/>
      <c r="DB121" s="1"/>
      <c r="DC121" s="1"/>
    </row>
    <row r="122" spans="2:107" x14ac:dyDescent="0.7">
      <c r="B122" s="1">
        <v>65.8</v>
      </c>
      <c r="C122" s="1">
        <v>4</v>
      </c>
      <c r="D122" s="1">
        <v>2.7</v>
      </c>
      <c r="E122" s="1">
        <v>7.4</v>
      </c>
      <c r="F122" s="1">
        <v>6</v>
      </c>
      <c r="G122" s="1">
        <v>8.1</v>
      </c>
      <c r="H122" s="1">
        <v>48.4</v>
      </c>
      <c r="I122" s="1">
        <v>9.5</v>
      </c>
      <c r="J122" s="1">
        <v>10.3</v>
      </c>
      <c r="K122" s="1">
        <v>12</v>
      </c>
      <c r="L122" s="1">
        <v>6.5</v>
      </c>
      <c r="M122" s="1">
        <v>28.9</v>
      </c>
      <c r="N122" s="1">
        <v>3.8</v>
      </c>
      <c r="O122" s="1">
        <v>5.4</v>
      </c>
      <c r="P122" s="1">
        <v>54.2</v>
      </c>
      <c r="Q122" s="1">
        <v>12.2</v>
      </c>
      <c r="R122" s="1">
        <v>13.6</v>
      </c>
      <c r="S122" s="1">
        <v>10.3</v>
      </c>
      <c r="T122" s="1">
        <v>17.2</v>
      </c>
      <c r="U122" s="1">
        <v>31.1</v>
      </c>
      <c r="V122" s="1">
        <v>35.4</v>
      </c>
      <c r="W122" s="1">
        <v>6.4</v>
      </c>
      <c r="X122" s="1">
        <v>5.3</v>
      </c>
      <c r="Y122" s="1">
        <v>2.4</v>
      </c>
      <c r="Z122" s="1">
        <v>32.200000000000003</v>
      </c>
      <c r="AA122" s="1">
        <v>2.7</v>
      </c>
      <c r="AB122" s="1">
        <v>39.799999999999997</v>
      </c>
      <c r="AC122" s="1">
        <v>17.7</v>
      </c>
      <c r="AD122" s="1">
        <v>6.7</v>
      </c>
      <c r="AE122" s="1">
        <v>22.7</v>
      </c>
      <c r="AF122" s="1">
        <v>54.1</v>
      </c>
      <c r="AG122" s="1">
        <v>45.1</v>
      </c>
      <c r="AH122" s="1">
        <v>35.700000000000003</v>
      </c>
      <c r="AI122" s="1">
        <v>35.5</v>
      </c>
      <c r="AJ122" s="1">
        <v>26.9</v>
      </c>
      <c r="AK122" s="1">
        <v>15.6</v>
      </c>
      <c r="AL122" s="1">
        <v>0.6</v>
      </c>
      <c r="AM122" s="1"/>
      <c r="AN122" s="1">
        <v>472</v>
      </c>
      <c r="AO122" s="1">
        <v>22</v>
      </c>
      <c r="AP122" s="1">
        <v>137</v>
      </c>
      <c r="AQ122" s="1">
        <v>42</v>
      </c>
      <c r="AR122" s="1">
        <v>160</v>
      </c>
      <c r="AS122" s="1">
        <v>4</v>
      </c>
      <c r="AT122" s="1">
        <v>23</v>
      </c>
      <c r="AU122" s="1">
        <v>105</v>
      </c>
      <c r="AV122" s="1">
        <v>121</v>
      </c>
      <c r="AW122" s="1">
        <v>34</v>
      </c>
      <c r="AX122" s="1">
        <v>10</v>
      </c>
      <c r="AY122" s="1">
        <v>2</v>
      </c>
      <c r="AZ122" s="1">
        <v>12</v>
      </c>
      <c r="BA122" s="1">
        <v>8</v>
      </c>
      <c r="BB122" s="1"/>
      <c r="BC122" s="30">
        <v>0.27361111111111114</v>
      </c>
      <c r="BD122" s="30">
        <v>0.30069444444444443</v>
      </c>
      <c r="BE122" s="30">
        <v>0.78402777777777777</v>
      </c>
      <c r="BF122" s="30">
        <v>0.95763888888888893</v>
      </c>
      <c r="BG122" s="30">
        <v>0.37013888888888891</v>
      </c>
      <c r="BR122" s="1"/>
      <c r="BS122" s="1"/>
      <c r="BT122" s="1"/>
      <c r="BU122" s="1"/>
      <c r="BV122" s="1"/>
      <c r="BW122" s="1"/>
      <c r="BX122" s="1"/>
      <c r="BY122" s="1"/>
      <c r="BZ122" s="1"/>
      <c r="CA122" s="1"/>
      <c r="CB122" s="1"/>
      <c r="CC122" s="1"/>
      <c r="CD122" s="1"/>
      <c r="CE122" s="1"/>
      <c r="CF122" s="1"/>
      <c r="CG122" s="1"/>
      <c r="CH122" s="1"/>
      <c r="CI122" s="1"/>
      <c r="CJ122" s="1"/>
      <c r="CK122" s="1"/>
      <c r="CL122" s="1"/>
      <c r="CM122" s="1"/>
      <c r="CN122" s="1"/>
      <c r="CO122" s="1"/>
      <c r="CP122" s="1"/>
      <c r="CQ122" s="1"/>
      <c r="CR122" s="1"/>
      <c r="CS122" s="1"/>
      <c r="CT122" s="1"/>
      <c r="CU122" s="1"/>
      <c r="CV122" s="1"/>
      <c r="CW122" s="1"/>
      <c r="CX122" s="1"/>
      <c r="CY122" s="1"/>
      <c r="CZ122" s="1"/>
      <c r="DB122" s="1"/>
      <c r="DC122" s="1"/>
    </row>
    <row r="123" spans="2:107" x14ac:dyDescent="0.7">
      <c r="B123" s="1">
        <v>63.7</v>
      </c>
      <c r="C123" s="1">
        <v>3.9</v>
      </c>
      <c r="D123" s="1">
        <v>2.2000000000000002</v>
      </c>
      <c r="E123" s="1">
        <v>8.8000000000000007</v>
      </c>
      <c r="F123" s="1">
        <v>7.2</v>
      </c>
      <c r="G123" s="1">
        <v>6.9</v>
      </c>
      <c r="H123" s="1">
        <v>47.5</v>
      </c>
      <c r="I123" s="1">
        <v>9.6999999999999993</v>
      </c>
      <c r="J123" s="1">
        <v>11.9</v>
      </c>
      <c r="K123" s="1">
        <v>17.3</v>
      </c>
      <c r="L123" s="1">
        <v>10.4</v>
      </c>
      <c r="M123" s="1">
        <v>30.8</v>
      </c>
      <c r="N123" s="1">
        <v>5.9</v>
      </c>
      <c r="O123" s="1">
        <v>9.1</v>
      </c>
      <c r="P123" s="1">
        <v>53.7</v>
      </c>
      <c r="Q123" s="1">
        <v>12.7</v>
      </c>
      <c r="R123" s="1">
        <v>12.5</v>
      </c>
      <c r="S123" s="1">
        <v>10.9</v>
      </c>
      <c r="T123" s="1">
        <v>16.7</v>
      </c>
      <c r="U123" s="1">
        <v>28.1</v>
      </c>
      <c r="V123" s="1">
        <v>30.4</v>
      </c>
      <c r="W123" s="1">
        <v>5.0999999999999996</v>
      </c>
      <c r="X123" s="1">
        <v>5.3</v>
      </c>
      <c r="Y123" s="1">
        <v>2.5</v>
      </c>
      <c r="Z123" s="1">
        <v>34</v>
      </c>
      <c r="AA123" s="1">
        <v>2.1</v>
      </c>
      <c r="AB123" s="1">
        <v>40.200000000000003</v>
      </c>
      <c r="AC123" s="1">
        <v>27</v>
      </c>
      <c r="AD123" s="1">
        <v>4.9000000000000004</v>
      </c>
      <c r="AE123" s="1">
        <v>16.399999999999999</v>
      </c>
      <c r="AF123" s="1">
        <v>56.9</v>
      </c>
      <c r="AG123" s="1">
        <v>46.3</v>
      </c>
      <c r="AH123" s="1">
        <v>39.200000000000003</v>
      </c>
      <c r="AI123" s="1">
        <v>39.1</v>
      </c>
      <c r="AJ123" s="1">
        <v>29.3</v>
      </c>
      <c r="AK123" s="1">
        <v>19.899999999999999</v>
      </c>
      <c r="AL123" s="1">
        <v>0.8</v>
      </c>
      <c r="AM123" s="1"/>
      <c r="AN123" s="1">
        <v>469</v>
      </c>
      <c r="AO123" s="1">
        <v>24</v>
      </c>
      <c r="AP123" s="1">
        <v>130</v>
      </c>
      <c r="AQ123" s="1">
        <v>41</v>
      </c>
      <c r="AR123" s="1">
        <v>157</v>
      </c>
      <c r="AS123" s="1">
        <v>4</v>
      </c>
      <c r="AT123" s="1">
        <v>22</v>
      </c>
      <c r="AU123" s="1">
        <v>118</v>
      </c>
      <c r="AV123" s="1">
        <v>116</v>
      </c>
      <c r="AW123" s="1">
        <v>35</v>
      </c>
      <c r="AX123" s="1">
        <v>10</v>
      </c>
      <c r="AY123" s="1">
        <v>2</v>
      </c>
      <c r="AZ123" s="1">
        <v>13</v>
      </c>
      <c r="BA123" s="1">
        <v>9</v>
      </c>
      <c r="BB123" s="1"/>
      <c r="BC123" s="30">
        <v>0.27430555555555558</v>
      </c>
      <c r="BD123" s="30">
        <v>0.30486111111111114</v>
      </c>
      <c r="BE123" s="30">
        <v>0.78055555555555556</v>
      </c>
      <c r="BF123" s="30">
        <v>0.96597222222222223</v>
      </c>
      <c r="BG123" s="30">
        <v>0.35902777777777778</v>
      </c>
      <c r="BR123" s="1"/>
      <c r="BS123" s="1"/>
      <c r="BT123" s="1"/>
      <c r="BU123" s="1"/>
      <c r="BV123" s="1"/>
      <c r="BW123" s="1"/>
      <c r="BX123" s="1"/>
      <c r="BY123" s="1"/>
      <c r="BZ123" s="1"/>
      <c r="CA123" s="1"/>
      <c r="CB123" s="1"/>
      <c r="CC123" s="1"/>
      <c r="CD123" s="1"/>
      <c r="CE123" s="1"/>
      <c r="CF123" s="1"/>
      <c r="CG123" s="1"/>
      <c r="CH123" s="1"/>
      <c r="CI123" s="1"/>
      <c r="CJ123" s="1"/>
      <c r="CK123" s="1"/>
      <c r="CL123" s="1"/>
      <c r="CM123" s="1"/>
      <c r="CN123" s="1"/>
      <c r="CO123" s="1"/>
      <c r="CP123" s="1"/>
      <c r="CQ123" s="1"/>
      <c r="CR123" s="1"/>
      <c r="CS123" s="1"/>
      <c r="CT123" s="1"/>
      <c r="CU123" s="1"/>
      <c r="CV123" s="1"/>
      <c r="CW123" s="1"/>
      <c r="CX123" s="1"/>
      <c r="CY123" s="1"/>
      <c r="CZ123" s="1"/>
      <c r="DB123" s="1"/>
      <c r="DC123" s="1"/>
    </row>
    <row r="124" spans="2:107" x14ac:dyDescent="0.7">
      <c r="B124" s="1">
        <v>62.9</v>
      </c>
      <c r="C124" s="1">
        <v>3.2</v>
      </c>
      <c r="D124" s="1">
        <v>1</v>
      </c>
      <c r="E124" s="1">
        <v>7.7</v>
      </c>
      <c r="F124" s="1">
        <v>6.6</v>
      </c>
      <c r="G124" s="1">
        <v>6.6</v>
      </c>
      <c r="H124" s="1">
        <v>48.3</v>
      </c>
      <c r="I124" s="1">
        <v>9.9</v>
      </c>
      <c r="J124" s="1">
        <v>11</v>
      </c>
      <c r="K124" s="1">
        <v>13.5</v>
      </c>
      <c r="L124" s="1">
        <v>10.6</v>
      </c>
      <c r="M124" s="1">
        <v>34.299999999999997</v>
      </c>
      <c r="N124" s="1">
        <v>4.0999999999999996</v>
      </c>
      <c r="O124" s="1">
        <v>9.4</v>
      </c>
      <c r="P124" s="1">
        <v>55</v>
      </c>
      <c r="Q124" s="1">
        <v>11.5</v>
      </c>
      <c r="R124" s="1">
        <v>14.1</v>
      </c>
      <c r="S124" s="1">
        <v>9.5</v>
      </c>
      <c r="T124" s="1">
        <v>17.100000000000001</v>
      </c>
      <c r="U124" s="1">
        <v>28.2</v>
      </c>
      <c r="V124" s="1">
        <v>25.5</v>
      </c>
      <c r="W124" s="1">
        <v>5.6</v>
      </c>
      <c r="X124" s="1">
        <v>4.7</v>
      </c>
      <c r="Y124" s="1">
        <v>1.9</v>
      </c>
      <c r="Z124" s="1">
        <v>36.200000000000003</v>
      </c>
      <c r="AA124" s="1">
        <v>3.8</v>
      </c>
      <c r="AB124" s="1">
        <v>43.9</v>
      </c>
      <c r="AC124" s="1">
        <v>23.4</v>
      </c>
      <c r="AD124" s="1">
        <v>4.2</v>
      </c>
      <c r="AE124" s="1">
        <v>15.1</v>
      </c>
      <c r="AF124" s="1">
        <v>52.6</v>
      </c>
      <c r="AG124" s="1">
        <v>41.1</v>
      </c>
      <c r="AH124" s="1">
        <v>36.700000000000003</v>
      </c>
      <c r="AI124" s="1">
        <v>36.6</v>
      </c>
      <c r="AJ124" s="1">
        <v>27.6</v>
      </c>
      <c r="AK124" s="1">
        <v>17.2</v>
      </c>
      <c r="AL124" s="1">
        <v>0.3</v>
      </c>
      <c r="AM124" s="1"/>
      <c r="AN124" s="1">
        <v>467</v>
      </c>
      <c r="AO124" s="1">
        <v>27</v>
      </c>
      <c r="AP124" s="1">
        <v>146</v>
      </c>
      <c r="AQ124" s="1">
        <v>34</v>
      </c>
      <c r="AR124" s="1">
        <v>139</v>
      </c>
      <c r="AS124" s="1">
        <v>5</v>
      </c>
      <c r="AT124" s="1">
        <v>22</v>
      </c>
      <c r="AU124" s="1">
        <v>128</v>
      </c>
      <c r="AV124" s="1">
        <v>112</v>
      </c>
      <c r="AW124" s="1">
        <v>42</v>
      </c>
      <c r="AX124" s="1">
        <v>11</v>
      </c>
      <c r="AY124" s="1">
        <v>2</v>
      </c>
      <c r="AZ124" s="1">
        <v>13</v>
      </c>
      <c r="BA124" s="1">
        <v>9</v>
      </c>
      <c r="BB124" s="1"/>
      <c r="BC124" s="30">
        <v>0.27986111111111112</v>
      </c>
      <c r="BD124" s="30">
        <v>0.30972222222222223</v>
      </c>
      <c r="BE124" s="30">
        <v>0.78749999999999998</v>
      </c>
      <c r="BF124" s="30">
        <v>0.96805555555555556</v>
      </c>
      <c r="BG124" s="30">
        <v>0.36180555555555555</v>
      </c>
      <c r="BR124" s="1"/>
      <c r="BS124" s="1"/>
      <c r="BT124" s="1"/>
      <c r="BU124" s="1"/>
      <c r="BV124" s="1"/>
      <c r="BW124" s="1"/>
      <c r="BX124" s="1"/>
      <c r="BY124" s="1"/>
      <c r="BZ124" s="1"/>
      <c r="CA124" s="1"/>
      <c r="CB124" s="1"/>
      <c r="CC124" s="1"/>
      <c r="CD124" s="1"/>
      <c r="CE124" s="1"/>
      <c r="CF124" s="1"/>
      <c r="CG124" s="1"/>
      <c r="CH124" s="1"/>
      <c r="CI124" s="1"/>
      <c r="CJ124" s="1"/>
      <c r="CK124" s="1"/>
      <c r="CL124" s="1"/>
      <c r="CM124" s="1"/>
      <c r="CN124" s="1"/>
      <c r="CO124" s="1"/>
      <c r="CP124" s="1"/>
      <c r="CQ124" s="1"/>
      <c r="CR124" s="1"/>
      <c r="CS124" s="1"/>
      <c r="CT124" s="1"/>
      <c r="CU124" s="1"/>
      <c r="CV124" s="1"/>
      <c r="CW124" s="1"/>
      <c r="CX124" s="1"/>
      <c r="CY124" s="1"/>
      <c r="CZ124" s="1"/>
      <c r="DB124" s="1"/>
      <c r="DC124" s="1"/>
    </row>
    <row r="125" spans="2:107" x14ac:dyDescent="0.7">
      <c r="B125" s="1">
        <v>64.099999999999994</v>
      </c>
      <c r="C125" s="1">
        <v>4.0999999999999996</v>
      </c>
      <c r="D125" s="1">
        <v>1.9</v>
      </c>
      <c r="E125" s="1">
        <v>8.6999999999999993</v>
      </c>
      <c r="F125" s="1">
        <v>5.9</v>
      </c>
      <c r="G125" s="1">
        <v>5.5</v>
      </c>
      <c r="H125" s="1">
        <v>48.3</v>
      </c>
      <c r="I125" s="1">
        <v>9.1999999999999993</v>
      </c>
      <c r="J125" s="1">
        <v>9.6</v>
      </c>
      <c r="K125" s="1">
        <v>14.2</v>
      </c>
      <c r="L125" s="1">
        <v>8.1999999999999993</v>
      </c>
      <c r="M125" s="1">
        <v>27.9</v>
      </c>
      <c r="N125" s="1">
        <v>5.5</v>
      </c>
      <c r="O125" s="1">
        <v>7.1</v>
      </c>
      <c r="P125" s="1">
        <v>52.6</v>
      </c>
      <c r="Q125" s="1">
        <v>12</v>
      </c>
      <c r="R125" s="1">
        <v>12.3</v>
      </c>
      <c r="S125" s="1">
        <v>10.1</v>
      </c>
      <c r="T125" s="1">
        <v>17.899999999999999</v>
      </c>
      <c r="U125" s="1">
        <v>28.2</v>
      </c>
      <c r="V125" s="1">
        <v>29.1</v>
      </c>
      <c r="W125" s="1">
        <v>5</v>
      </c>
      <c r="X125" s="1">
        <v>4.7</v>
      </c>
      <c r="Y125" s="1">
        <v>2.2999999999999998</v>
      </c>
      <c r="Z125" s="1">
        <v>32.5</v>
      </c>
      <c r="AA125" s="1">
        <v>1.6</v>
      </c>
      <c r="AB125" s="1">
        <v>38</v>
      </c>
      <c r="AC125" s="1">
        <v>20.6</v>
      </c>
      <c r="AD125" s="1">
        <v>4</v>
      </c>
      <c r="AE125" s="1">
        <v>18.2</v>
      </c>
      <c r="AF125" s="1">
        <v>51.5</v>
      </c>
      <c r="AG125" s="1">
        <v>42</v>
      </c>
      <c r="AH125" s="1">
        <v>34.299999999999997</v>
      </c>
      <c r="AI125" s="1">
        <v>34.200000000000003</v>
      </c>
      <c r="AJ125" s="1">
        <v>26.3</v>
      </c>
      <c r="AK125" s="1">
        <v>15.3</v>
      </c>
      <c r="AL125" s="1">
        <v>0.6</v>
      </c>
      <c r="AM125" s="1"/>
      <c r="AN125" s="1">
        <v>467</v>
      </c>
      <c r="AO125" s="1">
        <v>25</v>
      </c>
      <c r="AP125" s="1">
        <v>143</v>
      </c>
      <c r="AQ125" s="1">
        <v>38</v>
      </c>
      <c r="AR125" s="1">
        <v>150</v>
      </c>
      <c r="AS125" s="1">
        <v>4</v>
      </c>
      <c r="AT125" s="1">
        <v>19</v>
      </c>
      <c r="AU125" s="1">
        <v>123</v>
      </c>
      <c r="AV125" s="1">
        <v>112</v>
      </c>
      <c r="AW125" s="1">
        <v>36</v>
      </c>
      <c r="AX125" s="1">
        <v>11</v>
      </c>
      <c r="AY125" s="1">
        <v>2</v>
      </c>
      <c r="AZ125" s="1">
        <v>11</v>
      </c>
      <c r="BA125" s="1">
        <v>8</v>
      </c>
      <c r="BB125" s="1"/>
      <c r="BC125" s="30">
        <v>0.27569444444444446</v>
      </c>
      <c r="BD125" s="30">
        <v>0.30416666666666664</v>
      </c>
      <c r="BE125" s="30">
        <v>0.78819444444444442</v>
      </c>
      <c r="BF125" s="30">
        <v>0.96180555555555558</v>
      </c>
      <c r="BG125" s="30">
        <v>0.37708333333333333</v>
      </c>
      <c r="BR125" s="1"/>
      <c r="BS125" s="1"/>
      <c r="BT125" s="1"/>
      <c r="BU125" s="1"/>
      <c r="BV125" s="1"/>
      <c r="BW125" s="1"/>
      <c r="BX125" s="1"/>
      <c r="BY125" s="1"/>
      <c r="BZ125" s="1"/>
      <c r="CA125" s="1"/>
      <c r="CB125" s="1"/>
      <c r="CC125" s="1"/>
      <c r="CD125" s="1"/>
      <c r="CE125" s="1"/>
      <c r="CF125" s="1"/>
      <c r="CG125" s="1"/>
      <c r="CH125" s="1"/>
      <c r="CI125" s="1"/>
      <c r="CJ125" s="1"/>
      <c r="CK125" s="1"/>
      <c r="CL125" s="1"/>
      <c r="CM125" s="1"/>
      <c r="CN125" s="1"/>
      <c r="CO125" s="1"/>
      <c r="CP125" s="1"/>
      <c r="CQ125" s="1"/>
      <c r="CR125" s="1"/>
      <c r="CS125" s="1"/>
      <c r="CT125" s="1"/>
      <c r="CU125" s="1"/>
      <c r="CV125" s="1"/>
      <c r="CW125" s="1"/>
      <c r="CX125" s="1"/>
      <c r="CY125" s="1"/>
      <c r="CZ125" s="1"/>
      <c r="DB125" s="1"/>
      <c r="DC125" s="1"/>
    </row>
    <row r="126" spans="2:107" x14ac:dyDescent="0.7">
      <c r="B126" s="1">
        <v>60.8</v>
      </c>
      <c r="C126" s="1">
        <v>3</v>
      </c>
      <c r="D126" s="1">
        <v>1.3</v>
      </c>
      <c r="E126" s="1">
        <v>9.4</v>
      </c>
      <c r="F126" s="1">
        <v>4.9000000000000004</v>
      </c>
      <c r="G126" s="1">
        <v>5.5</v>
      </c>
      <c r="H126" s="1">
        <v>44.3</v>
      </c>
      <c r="I126" s="1">
        <v>8.9</v>
      </c>
      <c r="J126" s="1">
        <v>10.4</v>
      </c>
      <c r="K126" s="1">
        <v>12.7</v>
      </c>
      <c r="L126" s="1">
        <v>8.1999999999999993</v>
      </c>
      <c r="M126" s="1">
        <v>29.3</v>
      </c>
      <c r="N126" s="1">
        <v>4</v>
      </c>
      <c r="O126" s="1">
        <v>7.9</v>
      </c>
      <c r="P126" s="1">
        <v>52</v>
      </c>
      <c r="Q126" s="1">
        <v>13.1</v>
      </c>
      <c r="R126" s="1">
        <v>12.7</v>
      </c>
      <c r="S126" s="1">
        <v>9.6</v>
      </c>
      <c r="T126" s="1">
        <v>16.899999999999999</v>
      </c>
      <c r="U126" s="1">
        <v>27.2</v>
      </c>
      <c r="V126" s="1">
        <v>33</v>
      </c>
      <c r="W126" s="1">
        <v>4.4000000000000004</v>
      </c>
      <c r="X126" s="1">
        <v>4.9000000000000004</v>
      </c>
      <c r="Y126" s="1">
        <v>2.2000000000000002</v>
      </c>
      <c r="Z126" s="1">
        <v>32.200000000000003</v>
      </c>
      <c r="AA126" s="1">
        <v>1.3</v>
      </c>
      <c r="AB126" s="1">
        <v>40.9</v>
      </c>
      <c r="AC126" s="1">
        <v>20.100000000000001</v>
      </c>
      <c r="AD126" s="1">
        <v>5.3</v>
      </c>
      <c r="AE126" s="1">
        <v>19</v>
      </c>
      <c r="AF126" s="1">
        <v>52.1</v>
      </c>
      <c r="AG126" s="1">
        <v>43.5</v>
      </c>
      <c r="AH126" s="1">
        <v>34.700000000000003</v>
      </c>
      <c r="AI126" s="1">
        <v>34.6</v>
      </c>
      <c r="AJ126" s="1">
        <v>28.2</v>
      </c>
      <c r="AK126" s="1">
        <v>13</v>
      </c>
      <c r="AL126" s="1">
        <v>0.1</v>
      </c>
      <c r="AM126" s="1"/>
      <c r="AN126" s="1">
        <v>468</v>
      </c>
      <c r="AO126" s="1">
        <v>25</v>
      </c>
      <c r="AP126" s="1">
        <v>129</v>
      </c>
      <c r="AQ126" s="1">
        <v>36</v>
      </c>
      <c r="AR126" s="1">
        <v>170</v>
      </c>
      <c r="AS126" s="1">
        <v>5</v>
      </c>
      <c r="AT126" s="1">
        <v>17</v>
      </c>
      <c r="AU126" s="1">
        <v>125</v>
      </c>
      <c r="AV126" s="1">
        <v>110</v>
      </c>
      <c r="AW126" s="1">
        <v>39</v>
      </c>
      <c r="AX126" s="1">
        <v>9</v>
      </c>
      <c r="AY126" s="1">
        <v>2</v>
      </c>
      <c r="AZ126" s="1">
        <v>11</v>
      </c>
      <c r="BA126" s="1">
        <v>6</v>
      </c>
      <c r="BB126" s="1"/>
      <c r="BC126" s="30">
        <v>0.27291666666666664</v>
      </c>
      <c r="BD126" s="30">
        <v>0.30277777777777776</v>
      </c>
      <c r="BE126" s="30">
        <v>0.78472222222222221</v>
      </c>
      <c r="BF126" s="30">
        <v>0.96597222222222223</v>
      </c>
      <c r="BG126" s="30">
        <v>0.37152777777777779</v>
      </c>
      <c r="BR126" s="1"/>
      <c r="BS126" s="1"/>
      <c r="BT126" s="1"/>
      <c r="BU126" s="1"/>
      <c r="BV126" s="1"/>
      <c r="BW126" s="1"/>
      <c r="BX126" s="1"/>
      <c r="BY126" s="1"/>
      <c r="BZ126" s="1"/>
      <c r="CA126" s="1"/>
      <c r="CB126" s="1"/>
      <c r="CC126" s="1"/>
      <c r="CD126" s="1"/>
      <c r="CE126" s="1"/>
      <c r="CF126" s="1"/>
      <c r="CG126" s="1"/>
      <c r="CH126" s="1"/>
      <c r="CI126" s="1"/>
      <c r="CJ126" s="1"/>
      <c r="CK126" s="1"/>
      <c r="CL126" s="1"/>
      <c r="CM126" s="1"/>
      <c r="CN126" s="1"/>
      <c r="CO126" s="1"/>
      <c r="CP126" s="1"/>
      <c r="CQ126" s="1"/>
      <c r="CR126" s="1"/>
      <c r="CS126" s="1"/>
      <c r="CT126" s="1"/>
      <c r="CU126" s="1"/>
      <c r="CV126" s="1"/>
      <c r="CW126" s="1"/>
      <c r="CX126" s="1"/>
      <c r="CY126" s="1"/>
      <c r="CZ126" s="1"/>
      <c r="DB126" s="1"/>
      <c r="DC126" s="1"/>
    </row>
    <row r="127" spans="2:107" x14ac:dyDescent="0.7">
      <c r="B127" s="1">
        <v>55.6</v>
      </c>
      <c r="C127" s="1">
        <v>4.3</v>
      </c>
      <c r="D127" s="1">
        <v>1</v>
      </c>
      <c r="E127" s="1">
        <v>4.5999999999999996</v>
      </c>
      <c r="F127" s="1">
        <v>3.8</v>
      </c>
      <c r="G127" s="1">
        <v>5</v>
      </c>
      <c r="H127" s="1">
        <v>40.9</v>
      </c>
      <c r="I127" s="1">
        <v>6.8</v>
      </c>
      <c r="J127" s="1">
        <v>8.1</v>
      </c>
      <c r="K127" s="1">
        <v>8.8000000000000007</v>
      </c>
      <c r="L127" s="1">
        <v>4.5</v>
      </c>
      <c r="M127" s="1">
        <v>26.3</v>
      </c>
      <c r="N127" s="1">
        <v>3.4</v>
      </c>
      <c r="O127" s="1">
        <v>4.5</v>
      </c>
      <c r="P127" s="1">
        <v>46.4</v>
      </c>
      <c r="Q127" s="1">
        <v>9.1</v>
      </c>
      <c r="R127" s="1">
        <v>12.3</v>
      </c>
      <c r="S127" s="1">
        <v>9.5</v>
      </c>
      <c r="T127" s="1">
        <v>13.8</v>
      </c>
      <c r="U127" s="1">
        <v>25.1</v>
      </c>
      <c r="V127" s="1">
        <v>35.6</v>
      </c>
      <c r="W127" s="1">
        <v>5.0999999999999996</v>
      </c>
      <c r="X127" s="1">
        <v>4</v>
      </c>
      <c r="Y127" s="1">
        <v>2</v>
      </c>
      <c r="Z127" s="1">
        <v>28.3</v>
      </c>
      <c r="AA127" s="1">
        <v>2.8</v>
      </c>
      <c r="AB127" s="1">
        <v>34.799999999999997</v>
      </c>
      <c r="AC127" s="1">
        <v>17.5</v>
      </c>
      <c r="AD127" s="1">
        <v>4.5</v>
      </c>
      <c r="AE127" s="1">
        <v>16.5</v>
      </c>
      <c r="AF127" s="1">
        <v>44.9</v>
      </c>
      <c r="AG127" s="1">
        <v>38.1</v>
      </c>
      <c r="AH127" s="1">
        <v>27.2</v>
      </c>
      <c r="AI127" s="1">
        <v>27.1</v>
      </c>
      <c r="AJ127" s="1">
        <v>21.3</v>
      </c>
      <c r="AK127" s="1">
        <v>10.7</v>
      </c>
      <c r="AL127" s="1">
        <v>0.5</v>
      </c>
      <c r="AM127" s="1"/>
      <c r="AN127" s="1">
        <v>469</v>
      </c>
      <c r="AO127" s="1">
        <v>17</v>
      </c>
      <c r="AP127" s="1">
        <v>144</v>
      </c>
      <c r="AQ127" s="1">
        <v>34</v>
      </c>
      <c r="AR127" s="1">
        <v>157</v>
      </c>
      <c r="AS127" s="1">
        <v>7</v>
      </c>
      <c r="AT127" s="1">
        <v>17</v>
      </c>
      <c r="AU127" s="1">
        <v>133</v>
      </c>
      <c r="AV127" s="1">
        <v>120</v>
      </c>
      <c r="AW127" s="1">
        <v>33</v>
      </c>
      <c r="AX127" s="1">
        <v>10</v>
      </c>
      <c r="AY127" s="1">
        <v>2</v>
      </c>
      <c r="AZ127" s="1">
        <v>12</v>
      </c>
      <c r="BA127" s="1">
        <v>8</v>
      </c>
      <c r="BB127" s="1"/>
      <c r="BC127" s="30">
        <v>0.27430555555555558</v>
      </c>
      <c r="BD127" s="30">
        <v>0.30277777777777776</v>
      </c>
      <c r="BE127" s="30">
        <v>0.77361111111111114</v>
      </c>
      <c r="BF127" s="30">
        <v>0.95486111111111116</v>
      </c>
      <c r="BG127" s="30">
        <v>0.36805555555555558</v>
      </c>
      <c r="BR127" s="1"/>
      <c r="BS127" s="1"/>
      <c r="BT127" s="1"/>
      <c r="BU127" s="1"/>
      <c r="BV127" s="1"/>
      <c r="BW127" s="1"/>
      <c r="BX127" s="1"/>
      <c r="BY127" s="1"/>
      <c r="BZ127" s="1"/>
      <c r="CA127" s="1"/>
      <c r="CB127" s="1"/>
      <c r="CC127" s="1"/>
      <c r="CD127" s="1"/>
      <c r="CE127" s="1"/>
      <c r="CF127" s="1"/>
      <c r="CG127" s="1"/>
      <c r="CH127" s="1"/>
      <c r="CI127" s="1"/>
      <c r="CJ127" s="1"/>
      <c r="CK127" s="1"/>
      <c r="CL127" s="1"/>
      <c r="CM127" s="1"/>
      <c r="CN127" s="1"/>
      <c r="CO127" s="1"/>
      <c r="CP127" s="1"/>
      <c r="CQ127" s="1"/>
      <c r="CR127" s="1"/>
      <c r="CS127" s="1"/>
      <c r="CT127" s="1"/>
      <c r="CU127" s="1"/>
      <c r="CV127" s="1"/>
      <c r="CW127" s="1"/>
      <c r="CX127" s="1"/>
      <c r="CY127" s="1"/>
      <c r="CZ127" s="1"/>
      <c r="DB127" s="1"/>
      <c r="DC127" s="1"/>
    </row>
    <row r="128" spans="2:107" x14ac:dyDescent="0.7">
      <c r="B128" s="1">
        <v>57.9</v>
      </c>
      <c r="C128" s="1">
        <v>4.5999999999999996</v>
      </c>
      <c r="D128" s="1">
        <v>2.2000000000000002</v>
      </c>
      <c r="E128" s="1">
        <v>5.8</v>
      </c>
      <c r="F128" s="1">
        <v>4.3</v>
      </c>
      <c r="G128" s="1">
        <v>6.1</v>
      </c>
      <c r="H128" s="1">
        <v>42.2</v>
      </c>
      <c r="I128" s="1">
        <v>6.9</v>
      </c>
      <c r="J128" s="1">
        <v>10.3</v>
      </c>
      <c r="K128" s="1">
        <v>13.1</v>
      </c>
      <c r="L128" s="1">
        <v>4.7</v>
      </c>
      <c r="M128" s="1">
        <v>25</v>
      </c>
      <c r="N128" s="1">
        <v>3.4</v>
      </c>
      <c r="O128" s="1">
        <v>4.5</v>
      </c>
      <c r="P128" s="1">
        <v>46.9</v>
      </c>
      <c r="Q128" s="1">
        <v>10.199999999999999</v>
      </c>
      <c r="R128" s="1">
        <v>12.1</v>
      </c>
      <c r="S128" s="1">
        <v>8.6</v>
      </c>
      <c r="T128" s="1">
        <v>15.2</v>
      </c>
      <c r="U128" s="1">
        <v>28.5</v>
      </c>
      <c r="V128" s="1">
        <v>33.4</v>
      </c>
      <c r="W128" s="1">
        <v>4.2</v>
      </c>
      <c r="X128" s="1">
        <v>3.7</v>
      </c>
      <c r="Y128" s="1">
        <v>1.3</v>
      </c>
      <c r="Z128" s="1">
        <v>28.6</v>
      </c>
      <c r="AA128" s="1">
        <v>2</v>
      </c>
      <c r="AB128" s="1">
        <v>29.8</v>
      </c>
      <c r="AC128" s="1">
        <v>12.6</v>
      </c>
      <c r="AD128" s="1">
        <v>3.1</v>
      </c>
      <c r="AE128" s="1">
        <v>21.2</v>
      </c>
      <c r="AF128" s="1">
        <v>39</v>
      </c>
      <c r="AG128" s="1">
        <v>31.7</v>
      </c>
      <c r="AH128" s="1">
        <v>20.9</v>
      </c>
      <c r="AI128" s="1">
        <v>20.9</v>
      </c>
      <c r="AJ128" s="1">
        <v>14.7</v>
      </c>
      <c r="AK128" s="1">
        <v>9.9</v>
      </c>
      <c r="AL128" s="1">
        <v>0.5</v>
      </c>
      <c r="AM128" s="1"/>
      <c r="AN128" s="1">
        <v>470</v>
      </c>
      <c r="AO128" s="1">
        <v>20</v>
      </c>
      <c r="AP128" s="1">
        <v>165</v>
      </c>
      <c r="AQ128" s="1">
        <v>36</v>
      </c>
      <c r="AR128" s="1">
        <v>140</v>
      </c>
      <c r="AS128" s="1">
        <v>4</v>
      </c>
      <c r="AT128" s="1">
        <v>13</v>
      </c>
      <c r="AU128" s="1">
        <v>139</v>
      </c>
      <c r="AV128" s="1">
        <v>115</v>
      </c>
      <c r="AW128" s="1">
        <v>33</v>
      </c>
      <c r="AX128" s="1">
        <v>10</v>
      </c>
      <c r="AY128" s="1">
        <v>2</v>
      </c>
      <c r="AZ128" s="1">
        <v>10</v>
      </c>
      <c r="BA128" s="1">
        <v>5</v>
      </c>
      <c r="BB128" s="1"/>
      <c r="BC128" s="30">
        <v>0.26111111111111113</v>
      </c>
      <c r="BD128" s="30">
        <v>0.2951388888888889</v>
      </c>
      <c r="BE128" s="30">
        <v>0.78402777777777777</v>
      </c>
      <c r="BF128" s="30">
        <v>0.94652777777777775</v>
      </c>
      <c r="BG128" s="30">
        <v>0.35</v>
      </c>
      <c r="BR128" s="1"/>
      <c r="BS128" s="1"/>
      <c r="BT128" s="1"/>
      <c r="BU128" s="1"/>
      <c r="BV128" s="1"/>
      <c r="BW128" s="1"/>
      <c r="BX128" s="1"/>
      <c r="BY128" s="1"/>
      <c r="BZ128" s="1"/>
      <c r="CA128" s="1"/>
      <c r="CB128" s="1"/>
      <c r="CC128" s="1"/>
      <c r="CD128" s="1"/>
      <c r="CE128" s="1"/>
      <c r="CF128" s="1"/>
      <c r="CG128" s="1"/>
      <c r="CH128" s="1"/>
      <c r="CI128" s="1"/>
      <c r="CJ128" s="1"/>
      <c r="CK128" s="1"/>
      <c r="CL128" s="1"/>
      <c r="CM128" s="1"/>
      <c r="CN128" s="1"/>
      <c r="CO128" s="1"/>
      <c r="CP128" s="1"/>
      <c r="CQ128" s="1"/>
      <c r="CR128" s="1"/>
      <c r="CS128" s="1"/>
      <c r="CT128" s="1"/>
      <c r="CU128" s="1"/>
      <c r="CV128" s="1"/>
      <c r="CW128" s="1"/>
      <c r="CX128" s="1"/>
      <c r="CY128" s="1"/>
      <c r="CZ128" s="1"/>
      <c r="DB128" s="1"/>
      <c r="DC128" s="1"/>
    </row>
    <row r="129" spans="2:107" x14ac:dyDescent="0.7">
      <c r="B129" s="1">
        <v>56.7</v>
      </c>
      <c r="C129" s="1">
        <v>5.3</v>
      </c>
      <c r="D129" s="1">
        <v>1.2</v>
      </c>
      <c r="E129" s="1">
        <v>5.3</v>
      </c>
      <c r="F129" s="1">
        <v>3.2</v>
      </c>
      <c r="G129" s="1">
        <v>5.6</v>
      </c>
      <c r="H129" s="1">
        <v>41</v>
      </c>
      <c r="I129" s="1">
        <v>6.1</v>
      </c>
      <c r="J129" s="1">
        <v>9.8000000000000007</v>
      </c>
      <c r="K129" s="1">
        <v>10.8</v>
      </c>
      <c r="L129" s="1">
        <v>5.6</v>
      </c>
      <c r="M129" s="1">
        <v>23.6</v>
      </c>
      <c r="N129" s="1">
        <v>4.3</v>
      </c>
      <c r="O129" s="1">
        <v>4.2</v>
      </c>
      <c r="P129" s="1">
        <v>44.3</v>
      </c>
      <c r="Q129" s="1">
        <v>9.3000000000000007</v>
      </c>
      <c r="R129" s="1">
        <v>11.6</v>
      </c>
      <c r="S129" s="1">
        <v>8.1999999999999993</v>
      </c>
      <c r="T129" s="1">
        <v>16.100000000000001</v>
      </c>
      <c r="U129" s="1">
        <v>25.1</v>
      </c>
      <c r="V129" s="1">
        <v>34.9</v>
      </c>
      <c r="W129" s="1">
        <v>4.5</v>
      </c>
      <c r="X129" s="1">
        <v>3.7</v>
      </c>
      <c r="Y129" s="1">
        <v>2</v>
      </c>
      <c r="Z129" s="1">
        <v>27.5</v>
      </c>
      <c r="AA129" s="1">
        <v>2.4</v>
      </c>
      <c r="AB129" s="1">
        <v>30.2</v>
      </c>
      <c r="AC129" s="1">
        <v>12.5</v>
      </c>
      <c r="AD129" s="1">
        <v>2.8</v>
      </c>
      <c r="AE129" s="1">
        <v>21.6</v>
      </c>
      <c r="AF129" s="1">
        <v>39.6</v>
      </c>
      <c r="AG129" s="1">
        <v>32.4</v>
      </c>
      <c r="AH129" s="1">
        <v>20.6</v>
      </c>
      <c r="AI129" s="1">
        <v>20.5</v>
      </c>
      <c r="AJ129" s="1">
        <v>14.4</v>
      </c>
      <c r="AK129" s="1">
        <v>9.1</v>
      </c>
      <c r="AL129" s="1">
        <v>0.1</v>
      </c>
      <c r="AM129" s="1"/>
      <c r="AN129" s="1">
        <v>471</v>
      </c>
      <c r="AO129" s="1">
        <v>24</v>
      </c>
      <c r="AP129" s="1">
        <v>179</v>
      </c>
      <c r="AQ129" s="1">
        <v>45</v>
      </c>
      <c r="AR129" s="1">
        <v>138</v>
      </c>
      <c r="AS129" s="1">
        <v>4</v>
      </c>
      <c r="AT129" s="1">
        <v>15</v>
      </c>
      <c r="AU129" s="1">
        <v>119</v>
      </c>
      <c r="AV129" s="1">
        <v>119</v>
      </c>
      <c r="AW129" s="1">
        <v>29</v>
      </c>
      <c r="AX129" s="1">
        <v>8</v>
      </c>
      <c r="AY129" s="1">
        <v>2</v>
      </c>
      <c r="AZ129" s="1">
        <v>12</v>
      </c>
      <c r="BA129" s="1">
        <v>9</v>
      </c>
      <c r="BB129" s="1"/>
      <c r="BC129" s="30">
        <v>0.26527777777777778</v>
      </c>
      <c r="BD129" s="30">
        <v>0.29583333333333334</v>
      </c>
      <c r="BE129" s="30">
        <v>0.78402777777777777</v>
      </c>
      <c r="BF129" s="30">
        <v>0.95</v>
      </c>
      <c r="BG129" s="30">
        <v>0.35486111111111113</v>
      </c>
      <c r="BR129" s="1"/>
      <c r="BS129" s="1"/>
      <c r="BT129" s="1"/>
      <c r="BU129" s="1"/>
      <c r="BV129" s="1"/>
      <c r="BW129" s="1"/>
      <c r="BX129" s="1"/>
      <c r="BY129" s="1"/>
      <c r="BZ129" s="1"/>
      <c r="CA129" s="1"/>
      <c r="CB129" s="1"/>
      <c r="CC129" s="1"/>
      <c r="CD129" s="1"/>
      <c r="CE129" s="1"/>
      <c r="CF129" s="1"/>
      <c r="CG129" s="1"/>
      <c r="CH129" s="1"/>
      <c r="CI129" s="1"/>
      <c r="CJ129" s="1"/>
      <c r="CK129" s="1"/>
      <c r="CL129" s="1"/>
      <c r="CM129" s="1"/>
      <c r="CN129" s="1"/>
      <c r="CO129" s="1"/>
      <c r="CP129" s="1"/>
      <c r="CQ129" s="1"/>
      <c r="CR129" s="1"/>
      <c r="CS129" s="1"/>
      <c r="CT129" s="1"/>
      <c r="CU129" s="1"/>
      <c r="CV129" s="1"/>
      <c r="CW129" s="1"/>
      <c r="CX129" s="1"/>
      <c r="CY129" s="1"/>
      <c r="CZ129" s="1"/>
      <c r="DB129" s="1"/>
      <c r="DC129" s="1"/>
    </row>
    <row r="130" spans="2:107" x14ac:dyDescent="0.7">
      <c r="B130" s="1">
        <v>62.5</v>
      </c>
      <c r="C130" s="1">
        <v>3.9</v>
      </c>
      <c r="D130" s="1">
        <v>2.2999999999999998</v>
      </c>
      <c r="E130" s="1">
        <v>4.5999999999999996</v>
      </c>
      <c r="F130" s="1">
        <v>4.2</v>
      </c>
      <c r="G130" s="1">
        <v>6.4</v>
      </c>
      <c r="H130" s="1">
        <v>46.9</v>
      </c>
      <c r="I130" s="1">
        <v>7.1</v>
      </c>
      <c r="J130" s="1">
        <v>10.4</v>
      </c>
      <c r="K130" s="1">
        <v>13</v>
      </c>
      <c r="L130" s="1">
        <v>4.9000000000000004</v>
      </c>
      <c r="M130" s="1">
        <v>25.7</v>
      </c>
      <c r="N130" s="1">
        <v>3.7</v>
      </c>
      <c r="O130" s="1">
        <v>4.9000000000000004</v>
      </c>
      <c r="P130" s="1">
        <v>50.8</v>
      </c>
      <c r="Q130" s="1">
        <v>10.7</v>
      </c>
      <c r="R130" s="1">
        <v>12.1</v>
      </c>
      <c r="S130" s="1">
        <v>9.9</v>
      </c>
      <c r="T130" s="1">
        <v>17.7</v>
      </c>
      <c r="U130" s="1">
        <v>31.6</v>
      </c>
      <c r="V130" s="1">
        <v>35.700000000000003</v>
      </c>
      <c r="W130" s="1">
        <v>4.4000000000000004</v>
      </c>
      <c r="X130" s="1">
        <v>3.7</v>
      </c>
      <c r="Y130" s="1">
        <v>2</v>
      </c>
      <c r="Z130" s="1">
        <v>31</v>
      </c>
      <c r="AA130" s="1">
        <v>1.5</v>
      </c>
      <c r="AB130" s="1">
        <v>35.299999999999997</v>
      </c>
      <c r="AC130" s="1">
        <v>16.7</v>
      </c>
      <c r="AD130" s="1">
        <v>4.3</v>
      </c>
      <c r="AE130" s="1">
        <v>22.1</v>
      </c>
      <c r="AF130" s="1">
        <v>43.3</v>
      </c>
      <c r="AG130" s="1">
        <v>36.4</v>
      </c>
      <c r="AH130" s="1">
        <v>24.1</v>
      </c>
      <c r="AI130" s="1">
        <v>24</v>
      </c>
      <c r="AJ130" s="1">
        <v>16.399999999999999</v>
      </c>
      <c r="AK130" s="1">
        <v>11.9</v>
      </c>
      <c r="AL130" s="1">
        <v>0.6</v>
      </c>
      <c r="AM130" s="1"/>
      <c r="AN130" s="1">
        <v>461</v>
      </c>
      <c r="AO130" s="1">
        <v>24</v>
      </c>
      <c r="AP130" s="1">
        <v>155</v>
      </c>
      <c r="AQ130" s="1">
        <v>42</v>
      </c>
      <c r="AR130" s="1">
        <v>152</v>
      </c>
      <c r="AS130" s="1">
        <v>4</v>
      </c>
      <c r="AT130" s="1">
        <v>20</v>
      </c>
      <c r="AU130" s="1">
        <v>120</v>
      </c>
      <c r="AV130" s="1">
        <v>114</v>
      </c>
      <c r="AW130" s="1">
        <v>35</v>
      </c>
      <c r="AX130" s="1">
        <v>10</v>
      </c>
      <c r="AY130" s="1">
        <v>2</v>
      </c>
      <c r="AZ130" s="1">
        <v>12</v>
      </c>
      <c r="BA130" s="1">
        <v>7</v>
      </c>
      <c r="BB130" s="1"/>
      <c r="BC130" s="30">
        <v>0.26319444444444445</v>
      </c>
      <c r="BD130" s="30">
        <v>0.29583333333333334</v>
      </c>
      <c r="BE130" s="30">
        <v>0.78263888888888888</v>
      </c>
      <c r="BF130" s="30">
        <v>0.95694444444444449</v>
      </c>
      <c r="BG130" s="30">
        <v>0.35902777777777778</v>
      </c>
      <c r="BR130" s="1"/>
      <c r="BS130" s="1"/>
      <c r="BT130" s="1"/>
      <c r="BU130" s="1"/>
      <c r="BV130" s="1"/>
      <c r="BW130" s="1"/>
      <c r="BX130" s="1"/>
      <c r="BY130" s="1"/>
      <c r="BZ130" s="1"/>
      <c r="CA130" s="1"/>
      <c r="CB130" s="1"/>
      <c r="CC130" s="1"/>
      <c r="CD130" s="1"/>
      <c r="CE130" s="1"/>
      <c r="CF130" s="1"/>
      <c r="CG130" s="1"/>
      <c r="CH130" s="1"/>
      <c r="CI130" s="1"/>
      <c r="CJ130" s="1"/>
      <c r="CK130" s="1"/>
      <c r="CL130" s="1"/>
      <c r="CM130" s="1"/>
      <c r="CN130" s="1"/>
      <c r="CO130" s="1"/>
      <c r="CP130" s="1"/>
      <c r="CQ130" s="1"/>
      <c r="CR130" s="1"/>
      <c r="CS130" s="1"/>
      <c r="CT130" s="1"/>
      <c r="CU130" s="1"/>
      <c r="CV130" s="1"/>
      <c r="CW130" s="1"/>
      <c r="CX130" s="1"/>
      <c r="CY130" s="1"/>
      <c r="CZ130" s="1"/>
      <c r="DB130" s="1"/>
      <c r="DC130" s="1"/>
    </row>
    <row r="131" spans="2:107" x14ac:dyDescent="0.7">
      <c r="B131" s="1">
        <v>61.3</v>
      </c>
      <c r="C131" s="1">
        <v>5.4</v>
      </c>
      <c r="D131" s="1">
        <v>1.1000000000000001</v>
      </c>
      <c r="E131" s="1">
        <v>5.7</v>
      </c>
      <c r="F131" s="1">
        <v>5.5</v>
      </c>
      <c r="G131" s="1">
        <v>6.3</v>
      </c>
      <c r="H131" s="1">
        <v>45.3</v>
      </c>
      <c r="I131" s="1">
        <v>6.5</v>
      </c>
      <c r="J131" s="1">
        <v>19.3</v>
      </c>
      <c r="K131" s="1">
        <v>12.3</v>
      </c>
      <c r="L131" s="1">
        <v>7.2</v>
      </c>
      <c r="M131" s="1">
        <v>31</v>
      </c>
      <c r="N131" s="1">
        <v>4.8</v>
      </c>
      <c r="O131" s="1">
        <v>6.6</v>
      </c>
      <c r="P131" s="1">
        <v>52</v>
      </c>
      <c r="Q131" s="1">
        <v>11.3</v>
      </c>
      <c r="R131" s="1">
        <v>14.4</v>
      </c>
      <c r="S131" s="1">
        <v>8.6999999999999993</v>
      </c>
      <c r="T131" s="1">
        <v>15.3</v>
      </c>
      <c r="U131" s="1">
        <v>27.3</v>
      </c>
      <c r="V131" s="1">
        <v>29.6</v>
      </c>
      <c r="W131" s="1">
        <v>5.7</v>
      </c>
      <c r="X131" s="1">
        <v>3.9</v>
      </c>
      <c r="Y131" s="1">
        <v>1.4</v>
      </c>
      <c r="Z131" s="1">
        <v>32.4</v>
      </c>
      <c r="AA131" s="1">
        <v>2.6</v>
      </c>
      <c r="AB131" s="1">
        <v>36.9</v>
      </c>
      <c r="AC131" s="1">
        <v>17.3</v>
      </c>
      <c r="AD131" s="1">
        <v>4.8</v>
      </c>
      <c r="AE131" s="1">
        <v>17.7</v>
      </c>
      <c r="AF131" s="1">
        <v>48.2</v>
      </c>
      <c r="AG131" s="1">
        <v>38.700000000000003</v>
      </c>
      <c r="AH131" s="1">
        <v>28.8</v>
      </c>
      <c r="AI131" s="1">
        <v>28.8</v>
      </c>
      <c r="AJ131" s="1">
        <v>19.3</v>
      </c>
      <c r="AK131" s="1">
        <v>15.8</v>
      </c>
      <c r="AL131" s="1">
        <v>0.5</v>
      </c>
      <c r="AM131" s="1"/>
      <c r="AN131" s="1">
        <v>474</v>
      </c>
      <c r="AO131" s="1">
        <v>23</v>
      </c>
      <c r="AP131" s="1">
        <v>143</v>
      </c>
      <c r="AQ131" s="1">
        <v>41</v>
      </c>
      <c r="AR131" s="1">
        <v>145</v>
      </c>
      <c r="AS131" s="1">
        <v>5</v>
      </c>
      <c r="AT131" s="1">
        <v>20</v>
      </c>
      <c r="AU131" s="1">
        <v>137</v>
      </c>
      <c r="AV131" s="1">
        <v>115</v>
      </c>
      <c r="AW131" s="1">
        <v>35</v>
      </c>
      <c r="AX131" s="1">
        <v>8</v>
      </c>
      <c r="AY131" s="1">
        <v>2</v>
      </c>
      <c r="AZ131" s="1">
        <v>11</v>
      </c>
      <c r="BA131" s="1">
        <v>9</v>
      </c>
      <c r="BB131" s="1"/>
      <c r="BC131" s="30">
        <v>0.2722222222222222</v>
      </c>
      <c r="BD131" s="30">
        <v>0.29652777777777778</v>
      </c>
      <c r="BE131" s="30">
        <v>0.78263888888888888</v>
      </c>
      <c r="BF131" s="30">
        <v>0.95763888888888893</v>
      </c>
      <c r="BG131" s="30">
        <v>0.37222222222222223</v>
      </c>
      <c r="BR131" s="1"/>
      <c r="BS131" s="1"/>
      <c r="BT131" s="1"/>
      <c r="BU131" s="1"/>
      <c r="BV131" s="1"/>
      <c r="BW131" s="1"/>
      <c r="BX131" s="1"/>
      <c r="BY131" s="1"/>
      <c r="BZ131" s="1"/>
      <c r="CA131" s="1"/>
      <c r="CB131" s="1"/>
      <c r="CC131" s="1"/>
      <c r="CD131" s="1"/>
      <c r="CE131" s="1"/>
      <c r="CF131" s="1"/>
      <c r="CG131" s="1"/>
      <c r="CH131" s="1"/>
      <c r="CI131" s="1"/>
      <c r="CJ131" s="1"/>
      <c r="CK131" s="1"/>
      <c r="CL131" s="1"/>
      <c r="CM131" s="1"/>
      <c r="CN131" s="1"/>
      <c r="CO131" s="1"/>
      <c r="CP131" s="1"/>
      <c r="CQ131" s="1"/>
      <c r="CR131" s="1"/>
      <c r="CS131" s="1"/>
      <c r="CT131" s="1"/>
      <c r="CU131" s="1"/>
      <c r="CV131" s="1"/>
      <c r="CW131" s="1"/>
      <c r="CX131" s="1"/>
      <c r="CY131" s="1"/>
      <c r="CZ131" s="1"/>
      <c r="DB131" s="1"/>
      <c r="DC131" s="1"/>
    </row>
    <row r="132" spans="2:107" x14ac:dyDescent="0.7">
      <c r="B132" s="1">
        <v>60</v>
      </c>
      <c r="C132" s="1">
        <v>5.5</v>
      </c>
      <c r="D132" s="1">
        <v>0.8</v>
      </c>
      <c r="E132" s="1">
        <v>4.3</v>
      </c>
      <c r="F132" s="1">
        <v>3.7</v>
      </c>
      <c r="G132" s="1">
        <v>6.5</v>
      </c>
      <c r="H132" s="1">
        <v>43.8</v>
      </c>
      <c r="I132" s="1">
        <v>6.2</v>
      </c>
      <c r="J132" s="1">
        <v>9.1999999999999993</v>
      </c>
      <c r="K132" s="1">
        <v>9.6999999999999993</v>
      </c>
      <c r="L132" s="1">
        <v>5</v>
      </c>
      <c r="M132" s="1">
        <v>22.7</v>
      </c>
      <c r="N132" s="1">
        <v>3.3</v>
      </c>
      <c r="O132" s="1">
        <v>4.2</v>
      </c>
      <c r="P132" s="1">
        <v>48.1</v>
      </c>
      <c r="Q132" s="1">
        <v>10.5</v>
      </c>
      <c r="R132" s="1">
        <v>11.7</v>
      </c>
      <c r="S132" s="1">
        <v>10</v>
      </c>
      <c r="T132" s="1">
        <v>17</v>
      </c>
      <c r="U132" s="1">
        <v>24.6</v>
      </c>
      <c r="V132" s="1">
        <v>35</v>
      </c>
      <c r="W132" s="1">
        <v>3.5</v>
      </c>
      <c r="X132" s="1">
        <v>3.8</v>
      </c>
      <c r="Y132" s="1">
        <v>1.6</v>
      </c>
      <c r="Z132" s="1">
        <v>27.2</v>
      </c>
      <c r="AA132" s="1">
        <v>2.7</v>
      </c>
      <c r="AB132" s="1">
        <v>33.200000000000003</v>
      </c>
      <c r="AC132" s="1">
        <v>17.899999999999999</v>
      </c>
      <c r="AD132" s="1">
        <v>3</v>
      </c>
      <c r="AE132" s="1">
        <v>19.600000000000001</v>
      </c>
      <c r="AF132" s="1">
        <v>44.6</v>
      </c>
      <c r="AG132" s="1">
        <v>37.5</v>
      </c>
      <c r="AH132" s="1">
        <v>23.6</v>
      </c>
      <c r="AI132" s="1">
        <v>23.5</v>
      </c>
      <c r="AJ132" s="1">
        <v>17.2</v>
      </c>
      <c r="AK132" s="1">
        <v>11.5</v>
      </c>
      <c r="AL132" s="1">
        <v>0.4</v>
      </c>
      <c r="AM132" s="1"/>
      <c r="AN132" s="1">
        <v>470</v>
      </c>
      <c r="AO132" s="1">
        <v>20</v>
      </c>
      <c r="AP132" s="1">
        <v>143</v>
      </c>
      <c r="AQ132" s="1">
        <v>35</v>
      </c>
      <c r="AR132" s="1">
        <v>153</v>
      </c>
      <c r="AS132" s="1">
        <v>4</v>
      </c>
      <c r="AT132" s="1">
        <v>20</v>
      </c>
      <c r="AU132" s="1">
        <v>139</v>
      </c>
      <c r="AV132" s="1">
        <v>111</v>
      </c>
      <c r="AW132" s="1">
        <v>34</v>
      </c>
      <c r="AX132" s="1">
        <v>9</v>
      </c>
      <c r="AY132" s="1">
        <v>2</v>
      </c>
      <c r="AZ132" s="1">
        <v>12</v>
      </c>
      <c r="BA132" s="1">
        <v>7</v>
      </c>
      <c r="BB132" s="1"/>
      <c r="BC132" s="30">
        <v>0.26458333333333334</v>
      </c>
      <c r="BD132" s="30">
        <v>0.29722222222222222</v>
      </c>
      <c r="BE132" s="30">
        <v>0.77638888888888891</v>
      </c>
      <c r="BF132" s="30">
        <v>0.95</v>
      </c>
      <c r="BG132" s="30">
        <v>0.3611111111111111</v>
      </c>
      <c r="BR132" s="1"/>
      <c r="BS132" s="1"/>
      <c r="BT132" s="1"/>
      <c r="BU132" s="1"/>
      <c r="BV132" s="1"/>
      <c r="BW132" s="1"/>
      <c r="BX132" s="1"/>
      <c r="BY132" s="1"/>
      <c r="BZ132" s="1"/>
      <c r="CA132" s="1"/>
      <c r="CB132" s="1"/>
      <c r="CC132" s="1"/>
      <c r="CD132" s="1"/>
      <c r="CE132" s="1"/>
      <c r="CF132" s="1"/>
      <c r="CG132" s="1"/>
      <c r="CH132" s="1"/>
      <c r="CI132" s="1"/>
      <c r="CJ132" s="1"/>
      <c r="CK132" s="1"/>
      <c r="CL132" s="1"/>
      <c r="CM132" s="1"/>
      <c r="CN132" s="1"/>
      <c r="CO132" s="1"/>
      <c r="CP132" s="1"/>
      <c r="CQ132" s="1"/>
      <c r="CR132" s="1"/>
      <c r="CS132" s="1"/>
      <c r="CT132" s="1"/>
      <c r="CU132" s="1"/>
      <c r="CV132" s="1"/>
      <c r="CW132" s="1"/>
      <c r="CX132" s="1"/>
      <c r="CY132" s="1"/>
      <c r="CZ132" s="1"/>
      <c r="DB132" s="1"/>
      <c r="DC132" s="1"/>
    </row>
    <row r="133" spans="2:107" x14ac:dyDescent="0.7">
      <c r="B133" s="1">
        <v>56.1</v>
      </c>
      <c r="C133" s="1">
        <v>3.7</v>
      </c>
      <c r="D133" s="1">
        <v>0.5</v>
      </c>
      <c r="E133" s="1">
        <v>4.5</v>
      </c>
      <c r="F133" s="1">
        <v>4.0999999999999996</v>
      </c>
      <c r="G133" s="1">
        <v>5.3</v>
      </c>
      <c r="H133" s="1">
        <v>42.3</v>
      </c>
      <c r="I133" s="1">
        <v>5.5</v>
      </c>
      <c r="J133" s="1">
        <v>8.4</v>
      </c>
      <c r="K133" s="1">
        <v>7.8</v>
      </c>
      <c r="L133" s="1">
        <v>4.7</v>
      </c>
      <c r="M133" s="1">
        <v>24</v>
      </c>
      <c r="N133" s="1">
        <v>2.6</v>
      </c>
      <c r="O133" s="1">
        <v>3.9</v>
      </c>
      <c r="P133" s="1">
        <v>44.2</v>
      </c>
      <c r="Q133" s="1">
        <v>9.8000000000000007</v>
      </c>
      <c r="R133" s="1">
        <v>9.8000000000000007</v>
      </c>
      <c r="S133" s="1">
        <v>9.1</v>
      </c>
      <c r="T133" s="1">
        <v>15.5</v>
      </c>
      <c r="U133" s="1">
        <v>26.8</v>
      </c>
      <c r="V133" s="1">
        <v>35.299999999999997</v>
      </c>
      <c r="W133" s="1">
        <v>5.3</v>
      </c>
      <c r="X133" s="1">
        <v>3.3</v>
      </c>
      <c r="Y133" s="1">
        <v>1.3</v>
      </c>
      <c r="Z133" s="1">
        <v>28.3</v>
      </c>
      <c r="AA133" s="1">
        <v>1.6</v>
      </c>
      <c r="AB133" s="1">
        <v>34.1</v>
      </c>
      <c r="AC133" s="1">
        <v>12.8</v>
      </c>
      <c r="AD133" s="1">
        <v>3.2</v>
      </c>
      <c r="AE133" s="1">
        <v>17.3</v>
      </c>
      <c r="AF133" s="1">
        <v>32.9</v>
      </c>
      <c r="AG133" s="1">
        <v>27.8</v>
      </c>
      <c r="AH133" s="1">
        <v>15.6</v>
      </c>
      <c r="AI133" s="1">
        <v>15.5</v>
      </c>
      <c r="AJ133" s="1">
        <v>10.3</v>
      </c>
      <c r="AK133" s="1">
        <v>7.4</v>
      </c>
      <c r="AL133" s="1">
        <v>0.2</v>
      </c>
      <c r="AM133" s="1"/>
      <c r="AN133" s="1">
        <v>466</v>
      </c>
      <c r="AO133" s="1">
        <v>19</v>
      </c>
      <c r="AP133" s="1">
        <v>163</v>
      </c>
      <c r="AQ133" s="1">
        <v>35</v>
      </c>
      <c r="AR133" s="1">
        <v>145</v>
      </c>
      <c r="AS133" s="1">
        <v>5</v>
      </c>
      <c r="AT133" s="1">
        <v>15</v>
      </c>
      <c r="AU133" s="1">
        <v>131</v>
      </c>
      <c r="AV133" s="1">
        <v>115</v>
      </c>
      <c r="AW133" s="1">
        <v>35</v>
      </c>
      <c r="AX133" s="1">
        <v>9</v>
      </c>
      <c r="AY133" s="1">
        <v>2</v>
      </c>
      <c r="AZ133" s="1">
        <v>9</v>
      </c>
      <c r="BA133" s="1">
        <v>9</v>
      </c>
      <c r="BB133" s="1"/>
      <c r="BC133" s="30">
        <v>0.2638888888888889</v>
      </c>
      <c r="BD133" s="30">
        <v>0.29652777777777778</v>
      </c>
      <c r="BE133" s="30">
        <v>0.77916666666666667</v>
      </c>
      <c r="BF133" s="30">
        <v>0.9506944444444444</v>
      </c>
      <c r="BG133" s="30">
        <v>0.34444444444444444</v>
      </c>
      <c r="BR133" s="1"/>
      <c r="BS133" s="1"/>
      <c r="BT133" s="1"/>
      <c r="BU133" s="1"/>
      <c r="BV133" s="1"/>
      <c r="BW133" s="1"/>
      <c r="BX133" s="1"/>
      <c r="BY133" s="1"/>
      <c r="BZ133" s="1"/>
      <c r="CA133" s="1"/>
      <c r="CB133" s="1"/>
      <c r="CC133" s="1"/>
      <c r="CD133" s="1"/>
      <c r="CE133" s="1"/>
      <c r="CF133" s="1"/>
      <c r="CG133" s="1"/>
      <c r="CH133" s="1"/>
      <c r="CI133" s="1"/>
      <c r="CJ133" s="1"/>
      <c r="CK133" s="1"/>
      <c r="CL133" s="1"/>
      <c r="CM133" s="1"/>
      <c r="CN133" s="1"/>
      <c r="CO133" s="1"/>
      <c r="CP133" s="1"/>
      <c r="CQ133" s="1"/>
      <c r="CR133" s="1"/>
      <c r="CS133" s="1"/>
      <c r="CT133" s="1"/>
      <c r="CU133" s="1"/>
      <c r="CV133" s="1"/>
      <c r="CW133" s="1"/>
      <c r="CX133" s="1"/>
      <c r="CY133" s="1"/>
      <c r="CZ133" s="1"/>
      <c r="DB133" s="1"/>
      <c r="DC133" s="1"/>
    </row>
    <row r="134" spans="2:107" x14ac:dyDescent="0.7">
      <c r="B134" s="1">
        <v>57.3</v>
      </c>
      <c r="C134" s="1">
        <v>3.8</v>
      </c>
      <c r="D134" s="1">
        <v>0.5</v>
      </c>
      <c r="E134" s="1">
        <v>6.5</v>
      </c>
      <c r="F134" s="1">
        <v>5.7</v>
      </c>
      <c r="G134" s="1">
        <v>6.1</v>
      </c>
      <c r="H134" s="1">
        <v>42.6</v>
      </c>
      <c r="I134" s="1">
        <v>9.4</v>
      </c>
      <c r="J134" s="1">
        <v>7.9</v>
      </c>
      <c r="K134" s="1">
        <v>9.8000000000000007</v>
      </c>
      <c r="L134" s="1">
        <v>5</v>
      </c>
      <c r="M134" s="1">
        <v>27.2</v>
      </c>
      <c r="N134" s="1">
        <v>3.9</v>
      </c>
      <c r="O134" s="1">
        <v>3.9</v>
      </c>
      <c r="P134" s="1">
        <v>49.1</v>
      </c>
      <c r="Q134" s="1">
        <v>10.4</v>
      </c>
      <c r="R134" s="1">
        <v>14.3</v>
      </c>
      <c r="S134" s="1">
        <v>8.9</v>
      </c>
      <c r="T134" s="1">
        <v>14.7</v>
      </c>
      <c r="U134" s="1">
        <v>26.8</v>
      </c>
      <c r="V134" s="1">
        <v>33.1</v>
      </c>
      <c r="W134" s="1">
        <v>4</v>
      </c>
      <c r="X134" s="1">
        <v>3.9</v>
      </c>
      <c r="Y134" s="1">
        <v>1.5</v>
      </c>
      <c r="Z134" s="1">
        <v>31.2</v>
      </c>
      <c r="AA134" s="1">
        <v>2.2000000000000002</v>
      </c>
      <c r="AB134" s="1">
        <v>37.299999999999997</v>
      </c>
      <c r="AC134" s="1">
        <v>20.3</v>
      </c>
      <c r="AD134" s="1">
        <v>3.8</v>
      </c>
      <c r="AE134" s="1">
        <v>17.100000000000001</v>
      </c>
      <c r="AF134" s="1">
        <v>38.799999999999997</v>
      </c>
      <c r="AG134" s="1">
        <v>32.200000000000003</v>
      </c>
      <c r="AH134" s="1">
        <v>21.2</v>
      </c>
      <c r="AI134" s="1">
        <v>21.1</v>
      </c>
      <c r="AJ134" s="1">
        <v>14.1</v>
      </c>
      <c r="AK134" s="1">
        <v>10.1</v>
      </c>
      <c r="AL134" s="1">
        <v>0.4</v>
      </c>
      <c r="AM134" s="1"/>
      <c r="AN134" s="1">
        <v>471</v>
      </c>
      <c r="AO134" s="1">
        <v>20</v>
      </c>
      <c r="AP134" s="1">
        <v>152</v>
      </c>
      <c r="AQ134" s="1">
        <v>36</v>
      </c>
      <c r="AR134" s="1">
        <v>145</v>
      </c>
      <c r="AS134" s="1">
        <v>4</v>
      </c>
      <c r="AT134" s="1">
        <v>22</v>
      </c>
      <c r="AU134" s="1">
        <v>138</v>
      </c>
      <c r="AV134" s="1">
        <v>112</v>
      </c>
      <c r="AW134" s="1">
        <v>31</v>
      </c>
      <c r="AX134" s="1">
        <v>8</v>
      </c>
      <c r="AY134" s="1">
        <v>1</v>
      </c>
      <c r="AZ134" s="1">
        <v>12</v>
      </c>
      <c r="BA134" s="1">
        <v>7</v>
      </c>
      <c r="BB134" s="1"/>
      <c r="BC134" s="30">
        <v>0.26874999999999999</v>
      </c>
      <c r="BD134" s="30">
        <v>0.29375000000000001</v>
      </c>
      <c r="BE134" s="30">
        <v>0.77569444444444446</v>
      </c>
      <c r="BF134" s="30">
        <v>0.95208333333333328</v>
      </c>
      <c r="BG134" s="30">
        <v>0.34513888888888888</v>
      </c>
      <c r="BR134" s="1"/>
      <c r="BS134" s="1"/>
      <c r="BT134" s="1"/>
      <c r="BU134" s="1"/>
      <c r="BV134" s="1"/>
      <c r="BW134" s="1"/>
      <c r="BX134" s="1"/>
      <c r="BY134" s="1"/>
      <c r="BZ134" s="1"/>
      <c r="CA134" s="1"/>
      <c r="CB134" s="1"/>
      <c r="CC134" s="1"/>
      <c r="CD134" s="1"/>
      <c r="CE134" s="1"/>
      <c r="CF134" s="1"/>
      <c r="CG134" s="1"/>
      <c r="CH134" s="1"/>
      <c r="CI134" s="1"/>
      <c r="CJ134" s="1"/>
      <c r="CK134" s="1"/>
      <c r="CL134" s="1"/>
      <c r="CM134" s="1"/>
      <c r="CN134" s="1"/>
      <c r="CO134" s="1"/>
      <c r="CP134" s="1"/>
      <c r="CQ134" s="1"/>
      <c r="CR134" s="1"/>
      <c r="CS134" s="1"/>
      <c r="CT134" s="1"/>
      <c r="CU134" s="1"/>
      <c r="CV134" s="1"/>
      <c r="CW134" s="1"/>
      <c r="CX134" s="1"/>
      <c r="CY134" s="1"/>
      <c r="CZ134" s="1"/>
      <c r="DB134" s="1"/>
      <c r="DC134" s="1"/>
    </row>
    <row r="135" spans="2:107" x14ac:dyDescent="0.7">
      <c r="B135" s="1">
        <v>61.5</v>
      </c>
      <c r="C135" s="1">
        <v>6.4</v>
      </c>
      <c r="D135" s="1">
        <v>0.9</v>
      </c>
      <c r="E135" s="1">
        <v>4</v>
      </c>
      <c r="F135" s="1">
        <v>3</v>
      </c>
      <c r="G135" s="1">
        <v>6.2</v>
      </c>
      <c r="H135" s="1">
        <v>48.5</v>
      </c>
      <c r="I135" s="1">
        <v>6.2</v>
      </c>
      <c r="J135" s="1">
        <v>10.5</v>
      </c>
      <c r="K135" s="1">
        <v>10.5</v>
      </c>
      <c r="L135" s="1">
        <v>5.0999999999999996</v>
      </c>
      <c r="M135" s="1">
        <v>24.6</v>
      </c>
      <c r="N135" s="1">
        <v>2.4</v>
      </c>
      <c r="O135" s="1">
        <v>3.9</v>
      </c>
      <c r="P135" s="1">
        <v>49.2</v>
      </c>
      <c r="Q135" s="1">
        <v>9.6999999999999993</v>
      </c>
      <c r="R135" s="1">
        <v>15.4</v>
      </c>
      <c r="S135" s="1">
        <v>7.6</v>
      </c>
      <c r="T135" s="1">
        <v>14.9</v>
      </c>
      <c r="U135" s="1">
        <v>27.6</v>
      </c>
      <c r="V135" s="1">
        <v>36.700000000000003</v>
      </c>
      <c r="W135" s="1">
        <v>4.5</v>
      </c>
      <c r="X135" s="1">
        <v>3</v>
      </c>
      <c r="Y135" s="1">
        <v>1.2</v>
      </c>
      <c r="Z135" s="1">
        <v>30.8</v>
      </c>
      <c r="AA135" s="1">
        <v>2.8</v>
      </c>
      <c r="AB135" s="1">
        <v>35.200000000000003</v>
      </c>
      <c r="AC135" s="1">
        <v>14.6</v>
      </c>
      <c r="AD135" s="1">
        <v>3.2</v>
      </c>
      <c r="AE135" s="1">
        <v>19.399999999999999</v>
      </c>
      <c r="AF135" s="1">
        <v>37.9</v>
      </c>
      <c r="AG135" s="1">
        <v>31.6</v>
      </c>
      <c r="AH135" s="1">
        <v>18.2</v>
      </c>
      <c r="AI135" s="1">
        <v>18.2</v>
      </c>
      <c r="AJ135" s="1">
        <v>12.1</v>
      </c>
      <c r="AK135" s="1">
        <v>9.5</v>
      </c>
      <c r="AL135" s="1">
        <v>0.1</v>
      </c>
      <c r="AM135" s="1"/>
      <c r="AN135" s="1">
        <v>467</v>
      </c>
      <c r="AO135" s="1">
        <v>17</v>
      </c>
      <c r="AP135" s="1">
        <v>145</v>
      </c>
      <c r="AQ135" s="1">
        <v>34</v>
      </c>
      <c r="AR135" s="1">
        <v>153</v>
      </c>
      <c r="AS135" s="1">
        <v>4</v>
      </c>
      <c r="AT135" s="1">
        <v>17</v>
      </c>
      <c r="AU135" s="1">
        <v>146</v>
      </c>
      <c r="AV135" s="1">
        <v>115</v>
      </c>
      <c r="AW135" s="1">
        <v>35</v>
      </c>
      <c r="AX135" s="1">
        <v>11</v>
      </c>
      <c r="AY135" s="1">
        <v>2</v>
      </c>
      <c r="AZ135" s="1">
        <v>12</v>
      </c>
      <c r="BA135" s="1">
        <v>6</v>
      </c>
      <c r="BB135" s="1"/>
      <c r="BC135" s="30">
        <v>0.26805555555555555</v>
      </c>
      <c r="BD135" s="30">
        <v>0.30208333333333331</v>
      </c>
      <c r="BE135" s="30">
        <v>0.77500000000000002</v>
      </c>
      <c r="BF135" s="30">
        <v>0.95486111111111116</v>
      </c>
      <c r="BG135" s="30">
        <v>0.35694444444444445</v>
      </c>
      <c r="BR135" s="1"/>
      <c r="BS135" s="1"/>
      <c r="BT135" s="1"/>
      <c r="BU135" s="1"/>
      <c r="BV135" s="1"/>
      <c r="BW135" s="1"/>
      <c r="BX135" s="1"/>
      <c r="BY135" s="1"/>
      <c r="BZ135" s="1"/>
      <c r="CA135" s="1"/>
      <c r="CB135" s="1"/>
      <c r="CC135" s="1"/>
      <c r="CD135" s="1"/>
      <c r="CE135" s="1"/>
      <c r="CF135" s="1"/>
      <c r="CG135" s="1"/>
      <c r="CH135" s="1"/>
      <c r="CI135" s="1"/>
      <c r="CJ135" s="1"/>
      <c r="CK135" s="1"/>
      <c r="CL135" s="1"/>
      <c r="CM135" s="1"/>
      <c r="CN135" s="1"/>
      <c r="CO135" s="1"/>
      <c r="CP135" s="1"/>
      <c r="CQ135" s="1"/>
      <c r="CR135" s="1"/>
      <c r="CS135" s="1"/>
      <c r="CT135" s="1"/>
      <c r="CU135" s="1"/>
      <c r="CV135" s="1"/>
      <c r="CW135" s="1"/>
      <c r="CX135" s="1"/>
      <c r="CY135" s="1"/>
      <c r="CZ135" s="1"/>
      <c r="DB135" s="1"/>
      <c r="DC135" s="1"/>
    </row>
    <row r="136" spans="2:107" x14ac:dyDescent="0.7">
      <c r="B136" s="1">
        <v>54.6</v>
      </c>
      <c r="C136" s="1">
        <v>3.1</v>
      </c>
      <c r="D136" s="1">
        <v>1</v>
      </c>
      <c r="E136" s="1">
        <v>3.5</v>
      </c>
      <c r="F136" s="1">
        <v>2.9</v>
      </c>
      <c r="G136" s="1">
        <v>4.9000000000000004</v>
      </c>
      <c r="H136" s="1">
        <v>40.799999999999997</v>
      </c>
      <c r="I136" s="1">
        <v>5.0999999999999996</v>
      </c>
      <c r="J136" s="1">
        <v>8.4</v>
      </c>
      <c r="K136" s="1">
        <v>12.4</v>
      </c>
      <c r="L136" s="1">
        <v>4.2</v>
      </c>
      <c r="M136" s="1">
        <v>25.3</v>
      </c>
      <c r="N136" s="1">
        <v>2.7</v>
      </c>
      <c r="O136" s="1">
        <v>5.4</v>
      </c>
      <c r="P136" s="1">
        <v>46.4</v>
      </c>
      <c r="Q136" s="1">
        <v>9.5</v>
      </c>
      <c r="R136" s="1">
        <v>12.3</v>
      </c>
      <c r="S136" s="1">
        <v>9</v>
      </c>
      <c r="T136" s="1">
        <v>15</v>
      </c>
      <c r="U136" s="1">
        <v>23.6</v>
      </c>
      <c r="V136" s="1">
        <v>32.1</v>
      </c>
      <c r="W136" s="1">
        <v>3.7</v>
      </c>
      <c r="X136" s="1">
        <v>2.9</v>
      </c>
      <c r="Y136" s="1">
        <v>1.9</v>
      </c>
      <c r="Z136" s="1">
        <v>30.3</v>
      </c>
      <c r="AA136" s="1">
        <v>4.0999999999999996</v>
      </c>
      <c r="AB136" s="1">
        <v>35.4</v>
      </c>
      <c r="AC136" s="1">
        <v>21.2</v>
      </c>
      <c r="AD136" s="1">
        <v>5.5</v>
      </c>
      <c r="AE136" s="1">
        <v>17.7</v>
      </c>
      <c r="AF136" s="1">
        <v>39.799999999999997</v>
      </c>
      <c r="AG136" s="1">
        <v>31.2</v>
      </c>
      <c r="AH136" s="1">
        <v>22</v>
      </c>
      <c r="AI136" s="1">
        <v>22</v>
      </c>
      <c r="AJ136" s="1">
        <v>14.8</v>
      </c>
      <c r="AK136" s="1">
        <v>10.5</v>
      </c>
      <c r="AL136" s="1">
        <v>0.1</v>
      </c>
      <c r="AM136" s="1"/>
      <c r="AN136" s="1">
        <v>476</v>
      </c>
      <c r="AO136" s="1">
        <v>20</v>
      </c>
      <c r="AP136" s="1">
        <v>164</v>
      </c>
      <c r="AQ136" s="1">
        <v>31</v>
      </c>
      <c r="AR136" s="1">
        <v>141</v>
      </c>
      <c r="AS136" s="1">
        <v>6</v>
      </c>
      <c r="AT136" s="1">
        <v>19</v>
      </c>
      <c r="AU136" s="1">
        <v>121</v>
      </c>
      <c r="AV136" s="1">
        <v>117</v>
      </c>
      <c r="AW136" s="1">
        <v>41</v>
      </c>
      <c r="AX136" s="1">
        <v>10</v>
      </c>
      <c r="AY136" s="1">
        <v>1</v>
      </c>
      <c r="AZ136" s="1">
        <v>9</v>
      </c>
      <c r="BA136" s="1">
        <v>8</v>
      </c>
      <c r="BB136" s="1"/>
      <c r="BC136" s="30">
        <v>0.27152777777777776</v>
      </c>
      <c r="BD136" s="30">
        <v>0.3</v>
      </c>
      <c r="BE136" s="30">
        <v>0.77986111111111112</v>
      </c>
      <c r="BF136" s="30">
        <v>0.94722222222222219</v>
      </c>
      <c r="BG136" s="30">
        <v>0.37013888888888891</v>
      </c>
      <c r="BR136" s="1"/>
      <c r="BS136" s="1"/>
      <c r="BT136" s="1"/>
      <c r="BU136" s="1"/>
      <c r="BV136" s="1"/>
      <c r="BW136" s="1"/>
      <c r="BX136" s="1"/>
      <c r="BY136" s="1"/>
      <c r="BZ136" s="1"/>
      <c r="CA136" s="1"/>
      <c r="CB136" s="1"/>
      <c r="CC136" s="1"/>
      <c r="CD136" s="1"/>
      <c r="CE136" s="1"/>
      <c r="CF136" s="1"/>
      <c r="CG136" s="1"/>
      <c r="CH136" s="1"/>
      <c r="CI136" s="1"/>
      <c r="CJ136" s="1"/>
      <c r="CK136" s="1"/>
      <c r="CL136" s="1"/>
      <c r="CM136" s="1"/>
      <c r="CN136" s="1"/>
      <c r="CO136" s="1"/>
      <c r="CP136" s="1"/>
      <c r="CQ136" s="1"/>
      <c r="CR136" s="1"/>
      <c r="CS136" s="1"/>
      <c r="CT136" s="1"/>
      <c r="CU136" s="1"/>
      <c r="CV136" s="1"/>
      <c r="CW136" s="1"/>
      <c r="CX136" s="1"/>
      <c r="CY136" s="1"/>
      <c r="CZ136" s="1"/>
      <c r="DB136" s="1"/>
      <c r="DC136" s="1"/>
    </row>
    <row r="137" spans="2:107" x14ac:dyDescent="0.7">
      <c r="B137" s="1">
        <v>62.8</v>
      </c>
      <c r="C137" s="1">
        <v>3.4</v>
      </c>
      <c r="D137" s="1">
        <v>0.5</v>
      </c>
      <c r="E137" s="1">
        <v>5.9</v>
      </c>
      <c r="F137" s="1">
        <v>6.5</v>
      </c>
      <c r="G137" s="1">
        <v>6.7</v>
      </c>
      <c r="H137" s="1">
        <v>49.1</v>
      </c>
      <c r="I137" s="1">
        <v>7.9</v>
      </c>
      <c r="J137" s="1">
        <v>14.2</v>
      </c>
      <c r="K137" s="1">
        <v>12.8</v>
      </c>
      <c r="L137" s="1">
        <v>8.5</v>
      </c>
      <c r="M137" s="1">
        <v>31.2</v>
      </c>
      <c r="N137" s="1">
        <v>4.2</v>
      </c>
      <c r="O137" s="1">
        <v>7.3</v>
      </c>
      <c r="P137" s="1">
        <v>54</v>
      </c>
      <c r="Q137" s="1">
        <v>10.4</v>
      </c>
      <c r="R137" s="1">
        <v>15.2</v>
      </c>
      <c r="S137" s="1">
        <v>9.3000000000000007</v>
      </c>
      <c r="T137" s="1">
        <v>14.9</v>
      </c>
      <c r="U137" s="1">
        <v>28</v>
      </c>
      <c r="V137" s="1">
        <v>27.1</v>
      </c>
      <c r="W137" s="1">
        <v>3.9</v>
      </c>
      <c r="X137" s="1">
        <v>4</v>
      </c>
      <c r="Y137" s="1">
        <v>1.5</v>
      </c>
      <c r="Z137" s="1">
        <v>34.299999999999997</v>
      </c>
      <c r="AA137" s="1">
        <v>3.1</v>
      </c>
      <c r="AB137" s="1">
        <v>38</v>
      </c>
      <c r="AC137" s="1">
        <v>21.6</v>
      </c>
      <c r="AD137" s="1">
        <v>4.7</v>
      </c>
      <c r="AE137" s="1">
        <v>18.8</v>
      </c>
      <c r="AF137" s="1">
        <v>52.9</v>
      </c>
      <c r="AG137" s="1">
        <v>42.2</v>
      </c>
      <c r="AH137" s="1">
        <v>36.799999999999997</v>
      </c>
      <c r="AI137" s="1">
        <v>36.799999999999997</v>
      </c>
      <c r="AJ137" s="1">
        <v>28.1</v>
      </c>
      <c r="AK137" s="1">
        <v>17</v>
      </c>
      <c r="AL137" s="1">
        <v>0.2</v>
      </c>
      <c r="AM137" s="1"/>
      <c r="AN137" s="1">
        <v>472</v>
      </c>
      <c r="AO137" s="1">
        <v>23</v>
      </c>
      <c r="AP137" s="1">
        <v>149</v>
      </c>
      <c r="AQ137" s="1">
        <v>41</v>
      </c>
      <c r="AR137" s="1">
        <v>142</v>
      </c>
      <c r="AS137" s="1">
        <v>5</v>
      </c>
      <c r="AT137" s="1">
        <v>25</v>
      </c>
      <c r="AU137" s="1">
        <v>128</v>
      </c>
      <c r="AV137" s="1">
        <v>118</v>
      </c>
      <c r="AW137" s="1">
        <v>34</v>
      </c>
      <c r="AX137" s="1">
        <v>9</v>
      </c>
      <c r="AY137" s="1">
        <v>2</v>
      </c>
      <c r="AZ137" s="1">
        <v>12</v>
      </c>
      <c r="BA137" s="1">
        <v>7</v>
      </c>
      <c r="BB137" s="1"/>
      <c r="BC137" s="30">
        <v>0.27847222222222223</v>
      </c>
      <c r="BD137" s="30">
        <v>0.30763888888888891</v>
      </c>
      <c r="BE137" s="30">
        <v>0.78541666666666665</v>
      </c>
      <c r="BF137" s="30">
        <v>0.96250000000000002</v>
      </c>
      <c r="BG137" s="30">
        <v>0.35972222222222222</v>
      </c>
      <c r="BR137" s="1"/>
      <c r="BS137" s="1"/>
      <c r="BT137" s="1"/>
      <c r="BU137" s="1"/>
      <c r="BV137" s="1"/>
      <c r="BW137" s="1"/>
      <c r="BX137" s="1"/>
      <c r="BY137" s="1"/>
      <c r="BZ137" s="1"/>
      <c r="CA137" s="1"/>
      <c r="CB137" s="1"/>
      <c r="CC137" s="1"/>
      <c r="CD137" s="1"/>
      <c r="CE137" s="1"/>
      <c r="CF137" s="1"/>
      <c r="CG137" s="1"/>
      <c r="CH137" s="1"/>
      <c r="CI137" s="1"/>
      <c r="CJ137" s="1"/>
      <c r="CK137" s="1"/>
      <c r="CL137" s="1"/>
      <c r="CM137" s="1"/>
      <c r="CN137" s="1"/>
      <c r="CO137" s="1"/>
      <c r="CP137" s="1"/>
      <c r="CQ137" s="1"/>
      <c r="CR137" s="1"/>
      <c r="CS137" s="1"/>
      <c r="CT137" s="1"/>
      <c r="CU137" s="1"/>
      <c r="CV137" s="1"/>
      <c r="CW137" s="1"/>
      <c r="CX137" s="1"/>
      <c r="CY137" s="1"/>
      <c r="CZ137" s="1"/>
      <c r="DB137" s="1"/>
      <c r="DC137" s="1"/>
    </row>
    <row r="138" spans="2:107" x14ac:dyDescent="0.7">
      <c r="B138" s="1">
        <v>58.2</v>
      </c>
      <c r="C138" s="1">
        <v>4.3</v>
      </c>
      <c r="D138" s="1">
        <v>0.5</v>
      </c>
      <c r="E138" s="1">
        <v>5</v>
      </c>
      <c r="F138" s="1">
        <v>3.6</v>
      </c>
      <c r="G138" s="1">
        <v>5.8</v>
      </c>
      <c r="H138" s="1">
        <v>40.9</v>
      </c>
      <c r="I138" s="1">
        <v>6.7</v>
      </c>
      <c r="J138" s="1">
        <v>11.3</v>
      </c>
      <c r="K138" s="1">
        <v>11.7</v>
      </c>
      <c r="L138" s="1">
        <v>7.2</v>
      </c>
      <c r="M138" s="1">
        <v>27.9</v>
      </c>
      <c r="N138" s="1">
        <v>5</v>
      </c>
      <c r="O138" s="1">
        <v>5.5</v>
      </c>
      <c r="P138" s="1">
        <v>48.3</v>
      </c>
      <c r="Q138" s="1">
        <v>10.4</v>
      </c>
      <c r="R138" s="1">
        <v>11.5</v>
      </c>
      <c r="S138" s="1">
        <v>9.8000000000000007</v>
      </c>
      <c r="T138" s="1">
        <v>15.2</v>
      </c>
      <c r="U138" s="1">
        <v>26.9</v>
      </c>
      <c r="V138" s="1">
        <v>32.4</v>
      </c>
      <c r="W138" s="1">
        <v>3.9</v>
      </c>
      <c r="X138" s="1">
        <v>3.6</v>
      </c>
      <c r="Y138" s="1">
        <v>1.4</v>
      </c>
      <c r="Z138" s="1">
        <v>28.6</v>
      </c>
      <c r="AA138" s="1">
        <v>3</v>
      </c>
      <c r="AB138" s="1">
        <v>33.200000000000003</v>
      </c>
      <c r="AC138" s="1">
        <v>17.8</v>
      </c>
      <c r="AD138" s="1">
        <v>4.5999999999999996</v>
      </c>
      <c r="AE138" s="1">
        <v>22</v>
      </c>
      <c r="AF138" s="1">
        <v>47.3</v>
      </c>
      <c r="AG138" s="1">
        <v>41.1</v>
      </c>
      <c r="AH138" s="1">
        <v>28.6</v>
      </c>
      <c r="AI138" s="1">
        <v>28.4</v>
      </c>
      <c r="AJ138" s="1">
        <v>22.9</v>
      </c>
      <c r="AK138" s="1">
        <v>11.8</v>
      </c>
      <c r="AL138" s="1">
        <v>0.3</v>
      </c>
      <c r="AM138" s="1"/>
      <c r="AN138" s="1">
        <v>470</v>
      </c>
      <c r="AO138" s="1">
        <v>24</v>
      </c>
      <c r="AP138" s="1">
        <v>174</v>
      </c>
      <c r="AQ138" s="1">
        <v>48</v>
      </c>
      <c r="AR138" s="1">
        <v>137</v>
      </c>
      <c r="AS138" s="1">
        <v>3</v>
      </c>
      <c r="AT138" s="1">
        <v>18</v>
      </c>
      <c r="AU138" s="1">
        <v>125</v>
      </c>
      <c r="AV138" s="1">
        <v>110</v>
      </c>
      <c r="AW138" s="1">
        <v>33</v>
      </c>
      <c r="AX138" s="1">
        <v>10</v>
      </c>
      <c r="AY138" s="1">
        <v>3</v>
      </c>
      <c r="AZ138" s="1">
        <v>14</v>
      </c>
      <c r="BA138" s="1">
        <v>9</v>
      </c>
      <c r="BB138" s="1"/>
      <c r="BC138" s="30">
        <v>0.2722222222222222</v>
      </c>
      <c r="BD138" s="30">
        <v>0.30277777777777776</v>
      </c>
      <c r="BE138" s="30">
        <v>0.78680555555555554</v>
      </c>
      <c r="BF138" s="30">
        <v>0.95486111111111116</v>
      </c>
      <c r="BG138" s="30">
        <v>0.35902777777777778</v>
      </c>
      <c r="BR138" s="1"/>
      <c r="BS138" s="1"/>
      <c r="BT138" s="1"/>
      <c r="BU138" s="1"/>
      <c r="BV138" s="1"/>
      <c r="BW138" s="1"/>
      <c r="BX138" s="1"/>
      <c r="BY138" s="1"/>
      <c r="BZ138" s="1"/>
      <c r="CA138" s="1"/>
      <c r="CB138" s="1"/>
      <c r="CC138" s="1"/>
      <c r="CD138" s="1"/>
      <c r="CE138" s="1"/>
      <c r="CF138" s="1"/>
      <c r="CG138" s="1"/>
      <c r="CH138" s="1"/>
      <c r="CI138" s="1"/>
      <c r="CJ138" s="1"/>
      <c r="CK138" s="1"/>
      <c r="CL138" s="1"/>
      <c r="CM138" s="1"/>
      <c r="CN138" s="1"/>
      <c r="CO138" s="1"/>
      <c r="CP138" s="1"/>
      <c r="CQ138" s="1"/>
      <c r="CR138" s="1"/>
      <c r="CS138" s="1"/>
      <c r="CT138" s="1"/>
      <c r="CU138" s="1"/>
      <c r="CV138" s="1"/>
      <c r="CW138" s="1"/>
      <c r="CX138" s="1"/>
      <c r="CY138" s="1"/>
      <c r="CZ138" s="1"/>
      <c r="DB138" s="1"/>
      <c r="DC138" s="1"/>
    </row>
    <row r="139" spans="2:107" x14ac:dyDescent="0.7">
      <c r="B139" s="1">
        <v>54.5</v>
      </c>
      <c r="C139" s="1">
        <v>4.8</v>
      </c>
      <c r="D139" s="1">
        <v>0</v>
      </c>
      <c r="E139" s="1">
        <v>3.5</v>
      </c>
      <c r="F139" s="1">
        <v>1.7</v>
      </c>
      <c r="G139" s="1">
        <v>4.7</v>
      </c>
      <c r="H139" s="1">
        <v>40.1</v>
      </c>
      <c r="I139" s="1">
        <v>6.1</v>
      </c>
      <c r="J139" s="1">
        <v>10</v>
      </c>
      <c r="K139" s="1">
        <v>10.3</v>
      </c>
      <c r="L139" s="1">
        <v>4.4000000000000004</v>
      </c>
      <c r="M139" s="1">
        <v>21.4</v>
      </c>
      <c r="N139" s="1">
        <v>3.3</v>
      </c>
      <c r="O139" s="1">
        <v>4.5</v>
      </c>
      <c r="P139" s="1">
        <v>45.1</v>
      </c>
      <c r="Q139" s="1">
        <v>8.9</v>
      </c>
      <c r="R139" s="1">
        <v>12.3</v>
      </c>
      <c r="S139" s="1">
        <v>9</v>
      </c>
      <c r="T139" s="1">
        <v>13.7</v>
      </c>
      <c r="U139" s="1">
        <v>24.7</v>
      </c>
      <c r="V139" s="1">
        <v>30.2</v>
      </c>
      <c r="W139" s="1">
        <v>3.8</v>
      </c>
      <c r="X139" s="1">
        <v>2.7</v>
      </c>
      <c r="Y139" s="1">
        <v>1.6</v>
      </c>
      <c r="Z139" s="1">
        <v>25.6</v>
      </c>
      <c r="AA139" s="1">
        <v>3</v>
      </c>
      <c r="AB139" s="1">
        <v>30.4</v>
      </c>
      <c r="AC139" s="1">
        <v>13.5</v>
      </c>
      <c r="AD139" s="1">
        <v>2.5</v>
      </c>
      <c r="AE139" s="1">
        <v>20</v>
      </c>
      <c r="AF139" s="1">
        <v>38.299999999999997</v>
      </c>
      <c r="AG139" s="1">
        <v>31.5</v>
      </c>
      <c r="AH139" s="1">
        <v>22.2</v>
      </c>
      <c r="AI139" s="1">
        <v>22</v>
      </c>
      <c r="AJ139" s="1">
        <v>16.100000000000001</v>
      </c>
      <c r="AK139" s="1">
        <v>9.9</v>
      </c>
      <c r="AL139" s="1">
        <v>0.3</v>
      </c>
      <c r="AM139" s="1"/>
      <c r="AN139" s="1">
        <v>462</v>
      </c>
      <c r="AO139" s="1">
        <v>21</v>
      </c>
      <c r="AP139" s="1">
        <v>162</v>
      </c>
      <c r="AQ139" s="1">
        <v>39</v>
      </c>
      <c r="AR139" s="1">
        <v>155</v>
      </c>
      <c r="AS139" s="1">
        <v>5</v>
      </c>
      <c r="AT139" s="1">
        <v>18</v>
      </c>
      <c r="AU139" s="1">
        <v>131</v>
      </c>
      <c r="AV139" s="1">
        <v>119</v>
      </c>
      <c r="AW139" s="1">
        <v>33</v>
      </c>
      <c r="AX139" s="1">
        <v>10</v>
      </c>
      <c r="AY139" s="1">
        <v>2</v>
      </c>
      <c r="AZ139" s="1">
        <v>10</v>
      </c>
      <c r="BA139" s="1">
        <v>6</v>
      </c>
      <c r="BB139" s="1"/>
      <c r="BC139" s="30">
        <v>0.26805555555555555</v>
      </c>
      <c r="BD139" s="30">
        <v>0.29930555555555555</v>
      </c>
      <c r="BE139" s="30">
        <v>0.77916666666666667</v>
      </c>
      <c r="BF139" s="30">
        <v>0.95416666666666672</v>
      </c>
      <c r="BG139" s="30">
        <v>0.34513888888888888</v>
      </c>
      <c r="BR139" s="1"/>
      <c r="BS139" s="1"/>
      <c r="BT139" s="1"/>
      <c r="BU139" s="1"/>
      <c r="BV139" s="1"/>
      <c r="BW139" s="1"/>
      <c r="BX139" s="1"/>
      <c r="BY139" s="1"/>
      <c r="BZ139" s="1"/>
      <c r="CA139" s="1"/>
      <c r="CB139" s="1"/>
      <c r="CC139" s="1"/>
      <c r="CD139" s="1"/>
      <c r="CE139" s="1"/>
      <c r="CF139" s="1"/>
      <c r="CG139" s="1"/>
      <c r="CH139" s="1"/>
      <c r="CI139" s="1"/>
      <c r="CJ139" s="1"/>
      <c r="CK139" s="1"/>
      <c r="CL139" s="1"/>
      <c r="CM139" s="1"/>
      <c r="CN139" s="1"/>
      <c r="CO139" s="1"/>
      <c r="CP139" s="1"/>
      <c r="CQ139" s="1"/>
      <c r="CR139" s="1"/>
      <c r="CS139" s="1"/>
      <c r="CT139" s="1"/>
      <c r="CU139" s="1"/>
      <c r="CV139" s="1"/>
      <c r="CW139" s="1"/>
      <c r="CX139" s="1"/>
      <c r="CY139" s="1"/>
      <c r="CZ139" s="1"/>
      <c r="DB139" s="1"/>
      <c r="DC139" s="1"/>
    </row>
    <row r="140" spans="2:107" x14ac:dyDescent="0.7">
      <c r="B140" s="1">
        <v>61.8</v>
      </c>
      <c r="C140" s="1">
        <v>5.2</v>
      </c>
      <c r="D140" s="1">
        <v>0.1</v>
      </c>
      <c r="E140" s="1">
        <v>4.5999999999999996</v>
      </c>
      <c r="F140" s="1">
        <v>3.8</v>
      </c>
      <c r="G140" s="1">
        <v>7.7</v>
      </c>
      <c r="H140" s="1">
        <v>46.7</v>
      </c>
      <c r="I140" s="1">
        <v>6.9</v>
      </c>
      <c r="J140" s="1">
        <v>11.7</v>
      </c>
      <c r="K140" s="1">
        <v>10.4</v>
      </c>
      <c r="L140" s="1">
        <v>6.1</v>
      </c>
      <c r="M140" s="1">
        <v>30.3</v>
      </c>
      <c r="N140" s="1">
        <v>3.6</v>
      </c>
      <c r="O140" s="1">
        <v>6.2</v>
      </c>
      <c r="P140" s="1">
        <v>48.8</v>
      </c>
      <c r="Q140" s="1">
        <v>10.1</v>
      </c>
      <c r="R140" s="1">
        <v>14.4</v>
      </c>
      <c r="S140" s="1">
        <v>9.6</v>
      </c>
      <c r="T140" s="1">
        <v>15.5</v>
      </c>
      <c r="U140" s="1">
        <v>26</v>
      </c>
      <c r="V140" s="1">
        <v>34.1</v>
      </c>
      <c r="W140" s="1">
        <v>4.5999999999999996</v>
      </c>
      <c r="X140" s="1">
        <v>3.4</v>
      </c>
      <c r="Y140" s="1">
        <v>1</v>
      </c>
      <c r="Z140" s="1">
        <v>30.5</v>
      </c>
      <c r="AA140" s="1">
        <v>4.0999999999999996</v>
      </c>
      <c r="AB140" s="1">
        <v>34.700000000000003</v>
      </c>
      <c r="AC140" s="1">
        <v>17.899999999999999</v>
      </c>
      <c r="AD140" s="1">
        <v>5.3</v>
      </c>
      <c r="AE140" s="1">
        <v>19.3</v>
      </c>
      <c r="AF140" s="1">
        <v>50.9</v>
      </c>
      <c r="AG140" s="1">
        <v>42.4</v>
      </c>
      <c r="AH140" s="1">
        <v>30.1</v>
      </c>
      <c r="AI140" s="1">
        <v>30</v>
      </c>
      <c r="AJ140" s="1">
        <v>22.3</v>
      </c>
      <c r="AK140" s="1">
        <v>13.4</v>
      </c>
      <c r="AL140" s="1">
        <v>0.3</v>
      </c>
      <c r="AM140" s="1"/>
      <c r="AN140" s="1">
        <v>469</v>
      </c>
      <c r="AO140" s="1">
        <v>22</v>
      </c>
      <c r="AP140" s="1">
        <v>152</v>
      </c>
      <c r="AQ140" s="1">
        <v>41</v>
      </c>
      <c r="AR140" s="1">
        <v>147</v>
      </c>
      <c r="AS140" s="1">
        <v>5</v>
      </c>
      <c r="AT140" s="1">
        <v>18</v>
      </c>
      <c r="AU140" s="1">
        <v>135</v>
      </c>
      <c r="AV140" s="1">
        <v>116</v>
      </c>
      <c r="AW140" s="1">
        <v>32</v>
      </c>
      <c r="AX140" s="1">
        <v>10</v>
      </c>
      <c r="AY140" s="1">
        <v>1</v>
      </c>
      <c r="AZ140" s="1">
        <v>11</v>
      </c>
      <c r="BA140" s="1">
        <v>10</v>
      </c>
      <c r="BB140" s="1"/>
      <c r="BC140" s="30">
        <v>0.26805555555555555</v>
      </c>
      <c r="BD140" s="30">
        <v>0.30208333333333331</v>
      </c>
      <c r="BE140" s="30">
        <v>0.78125</v>
      </c>
      <c r="BF140" s="30">
        <v>0.95208333333333328</v>
      </c>
      <c r="BG140" s="30">
        <v>0.36319444444444443</v>
      </c>
      <c r="BR140" s="1"/>
      <c r="BS140" s="1"/>
      <c r="BT140" s="1"/>
      <c r="BU140" s="1"/>
      <c r="BV140" s="1"/>
      <c r="BW140" s="1"/>
      <c r="BX140" s="1"/>
      <c r="BY140" s="1"/>
      <c r="BZ140" s="1"/>
      <c r="CA140" s="1"/>
      <c r="CB140" s="1"/>
      <c r="CC140" s="1"/>
      <c r="CD140" s="1"/>
      <c r="CE140" s="1"/>
      <c r="CF140" s="1"/>
      <c r="CG140" s="1"/>
      <c r="CH140" s="1"/>
      <c r="CI140" s="1"/>
      <c r="CJ140" s="1"/>
      <c r="CK140" s="1"/>
      <c r="CL140" s="1"/>
      <c r="CM140" s="1"/>
      <c r="CN140" s="1"/>
      <c r="CO140" s="1"/>
      <c r="CP140" s="1"/>
      <c r="CQ140" s="1"/>
      <c r="CR140" s="1"/>
      <c r="CS140" s="1"/>
      <c r="CT140" s="1"/>
      <c r="CU140" s="1"/>
      <c r="CV140" s="1"/>
      <c r="CW140" s="1"/>
      <c r="CX140" s="1"/>
      <c r="CY140" s="1"/>
      <c r="CZ140" s="1"/>
      <c r="DB140" s="1"/>
      <c r="DC140" s="1"/>
    </row>
    <row r="141" spans="2:107" x14ac:dyDescent="0.7">
      <c r="B141" s="1">
        <v>58.8</v>
      </c>
      <c r="C141" s="1">
        <v>2.5</v>
      </c>
      <c r="D141" s="1">
        <v>0.2</v>
      </c>
      <c r="E141" s="1">
        <v>4.3</v>
      </c>
      <c r="F141" s="1">
        <v>3.6</v>
      </c>
      <c r="G141" s="1">
        <v>5.2</v>
      </c>
      <c r="H141" s="1">
        <v>44.2</v>
      </c>
      <c r="I141" s="1">
        <v>6.8</v>
      </c>
      <c r="J141" s="1">
        <v>12.7</v>
      </c>
      <c r="K141" s="1">
        <v>14.8</v>
      </c>
      <c r="L141" s="1">
        <v>6.6</v>
      </c>
      <c r="M141" s="1">
        <v>26.2</v>
      </c>
      <c r="N141" s="1">
        <v>4.4000000000000004</v>
      </c>
      <c r="O141" s="1">
        <v>5.3</v>
      </c>
      <c r="P141" s="1">
        <v>48.6</v>
      </c>
      <c r="Q141" s="1">
        <v>8</v>
      </c>
      <c r="R141" s="1">
        <v>11.5</v>
      </c>
      <c r="S141" s="1">
        <v>8.1999999999999993</v>
      </c>
      <c r="T141" s="1">
        <v>12.6</v>
      </c>
      <c r="U141" s="1">
        <v>26</v>
      </c>
      <c r="V141" s="1">
        <v>32</v>
      </c>
      <c r="W141" s="1">
        <v>3.5</v>
      </c>
      <c r="X141" s="1">
        <v>4</v>
      </c>
      <c r="Y141" s="1">
        <v>1.7</v>
      </c>
      <c r="Z141" s="1">
        <v>27.7</v>
      </c>
      <c r="AA141" s="1">
        <v>2.2999999999999998</v>
      </c>
      <c r="AB141" s="1">
        <v>31.4</v>
      </c>
      <c r="AC141" s="1">
        <v>17.7</v>
      </c>
      <c r="AD141" s="1">
        <v>3.3</v>
      </c>
      <c r="AE141" s="1">
        <v>19</v>
      </c>
      <c r="AF141" s="1">
        <v>46</v>
      </c>
      <c r="AG141" s="1">
        <v>39.5</v>
      </c>
      <c r="AH141" s="1">
        <v>25</v>
      </c>
      <c r="AI141" s="1">
        <v>24.9</v>
      </c>
      <c r="AJ141" s="1">
        <v>16.899999999999999</v>
      </c>
      <c r="AK141" s="1">
        <v>13.8</v>
      </c>
      <c r="AL141" s="1">
        <v>0.2</v>
      </c>
      <c r="AM141" s="1"/>
      <c r="AN141" s="1">
        <v>470</v>
      </c>
      <c r="AO141" s="1">
        <v>21</v>
      </c>
      <c r="AP141" s="1">
        <v>153</v>
      </c>
      <c r="AQ141" s="1">
        <v>39</v>
      </c>
      <c r="AR141" s="1">
        <v>147</v>
      </c>
      <c r="AS141" s="1">
        <v>3</v>
      </c>
      <c r="AT141" s="1">
        <v>16</v>
      </c>
      <c r="AU141" s="1">
        <v>135</v>
      </c>
      <c r="AV141" s="1">
        <v>117</v>
      </c>
      <c r="AW141" s="1">
        <v>35</v>
      </c>
      <c r="AX141" s="1">
        <v>11</v>
      </c>
      <c r="AY141" s="1">
        <v>2</v>
      </c>
      <c r="AZ141" s="1">
        <v>10</v>
      </c>
      <c r="BA141" s="1">
        <v>8</v>
      </c>
      <c r="BB141" s="1"/>
      <c r="BC141" s="30">
        <v>0.26319444444444445</v>
      </c>
      <c r="BD141" s="30">
        <v>0.29930555555555555</v>
      </c>
      <c r="BE141" s="30">
        <v>0.77916666666666667</v>
      </c>
      <c r="BF141" s="30">
        <v>0.95138888888888884</v>
      </c>
      <c r="BG141" s="30">
        <v>0.34583333333333333</v>
      </c>
      <c r="BR141" s="1"/>
      <c r="BS141" s="1"/>
      <c r="BT141" s="1"/>
      <c r="BU141" s="1"/>
      <c r="BV141" s="1"/>
      <c r="BW141" s="1"/>
      <c r="BX141" s="1"/>
      <c r="BY141" s="1"/>
      <c r="BZ141" s="1"/>
      <c r="CA141" s="1"/>
      <c r="CB141" s="1"/>
      <c r="CC141" s="1"/>
      <c r="CD141" s="1"/>
      <c r="CE141" s="1"/>
      <c r="CF141" s="1"/>
      <c r="CG141" s="1"/>
      <c r="CH141" s="1"/>
      <c r="CI141" s="1"/>
      <c r="CJ141" s="1"/>
      <c r="CK141" s="1"/>
      <c r="CL141" s="1"/>
      <c r="CM141" s="1"/>
      <c r="CN141" s="1"/>
      <c r="CO141" s="1"/>
      <c r="CP141" s="1"/>
      <c r="CQ141" s="1"/>
      <c r="CR141" s="1"/>
      <c r="CS141" s="1"/>
      <c r="CT141" s="1"/>
      <c r="CU141" s="1"/>
      <c r="CV141" s="1"/>
      <c r="CW141" s="1"/>
      <c r="CX141" s="1"/>
      <c r="CY141" s="1"/>
      <c r="CZ141" s="1"/>
      <c r="DB141" s="1"/>
      <c r="DC141" s="1"/>
    </row>
    <row r="142" spans="2:107" x14ac:dyDescent="0.7">
      <c r="B142" s="1">
        <v>62.8</v>
      </c>
      <c r="C142" s="1">
        <v>4.5</v>
      </c>
      <c r="D142" s="1">
        <v>0.7</v>
      </c>
      <c r="E142" s="1">
        <v>3.9</v>
      </c>
      <c r="F142" s="1">
        <v>2.8</v>
      </c>
      <c r="G142" s="1">
        <v>7</v>
      </c>
      <c r="H142" s="1">
        <v>47.1</v>
      </c>
      <c r="I142" s="1">
        <v>6.9</v>
      </c>
      <c r="J142" s="1">
        <v>11</v>
      </c>
      <c r="K142" s="1">
        <v>11.7</v>
      </c>
      <c r="L142" s="1">
        <v>5.6</v>
      </c>
      <c r="M142" s="1">
        <v>21.5</v>
      </c>
      <c r="N142" s="1">
        <v>5.3</v>
      </c>
      <c r="O142" s="1">
        <v>5.3</v>
      </c>
      <c r="P142" s="1">
        <v>48.5</v>
      </c>
      <c r="Q142" s="1">
        <v>10.199999999999999</v>
      </c>
      <c r="R142" s="1">
        <v>13.3</v>
      </c>
      <c r="S142" s="1">
        <v>8.8000000000000007</v>
      </c>
      <c r="T142" s="1">
        <v>12.2</v>
      </c>
      <c r="U142" s="1">
        <v>24.5</v>
      </c>
      <c r="V142" s="1">
        <v>32.799999999999997</v>
      </c>
      <c r="W142" s="1">
        <v>5.5</v>
      </c>
      <c r="X142" s="1">
        <v>3.8</v>
      </c>
      <c r="Y142" s="1">
        <v>2</v>
      </c>
      <c r="Z142" s="1">
        <v>27</v>
      </c>
      <c r="AA142" s="1">
        <v>3.3</v>
      </c>
      <c r="AB142" s="1">
        <v>33</v>
      </c>
      <c r="AC142" s="1">
        <v>14.7</v>
      </c>
      <c r="AD142" s="1">
        <v>4.3</v>
      </c>
      <c r="AE142" s="1">
        <v>19.600000000000001</v>
      </c>
      <c r="AF142" s="1">
        <v>43.8</v>
      </c>
      <c r="AG142" s="1">
        <v>37.6</v>
      </c>
      <c r="AH142" s="1">
        <v>22.5</v>
      </c>
      <c r="AI142" s="1">
        <v>22.5</v>
      </c>
      <c r="AJ142" s="1">
        <v>14.8</v>
      </c>
      <c r="AK142" s="1">
        <v>12.3</v>
      </c>
      <c r="AL142" s="1">
        <v>0.2</v>
      </c>
      <c r="AM142" s="1"/>
      <c r="AN142" s="1">
        <v>473</v>
      </c>
      <c r="AO142" s="1">
        <v>19</v>
      </c>
      <c r="AP142" s="1">
        <v>168</v>
      </c>
      <c r="AQ142" s="1">
        <v>42</v>
      </c>
      <c r="AR142" s="1">
        <v>147</v>
      </c>
      <c r="AS142" s="1">
        <v>3</v>
      </c>
      <c r="AT142" s="1">
        <v>14</v>
      </c>
      <c r="AU142" s="1">
        <v>130</v>
      </c>
      <c r="AV142" s="1">
        <v>113</v>
      </c>
      <c r="AW142" s="1">
        <v>26</v>
      </c>
      <c r="AX142" s="1">
        <v>10</v>
      </c>
      <c r="AY142" s="1">
        <v>2</v>
      </c>
      <c r="AZ142" s="1">
        <v>13</v>
      </c>
      <c r="BA142" s="1">
        <v>7</v>
      </c>
      <c r="BB142" s="1"/>
      <c r="BC142" s="30">
        <v>0.26250000000000001</v>
      </c>
      <c r="BD142" s="30">
        <v>0.29583333333333334</v>
      </c>
      <c r="BE142" s="30">
        <v>0.77986111111111112</v>
      </c>
      <c r="BF142" s="30">
        <v>0.9458333333333333</v>
      </c>
      <c r="BG142" s="30">
        <v>0.35</v>
      </c>
      <c r="BR142" s="1"/>
      <c r="BS142" s="1"/>
      <c r="BT142" s="1"/>
      <c r="BU142" s="1"/>
      <c r="BV142" s="1"/>
      <c r="BW142" s="1"/>
      <c r="BX142" s="1"/>
      <c r="BY142" s="1"/>
      <c r="BZ142" s="1"/>
      <c r="CA142" s="1"/>
      <c r="CB142" s="1"/>
      <c r="CC142" s="1"/>
      <c r="CD142" s="1"/>
      <c r="CE142" s="1"/>
      <c r="CF142" s="1"/>
      <c r="CG142" s="1"/>
      <c r="CH142" s="1"/>
      <c r="CI142" s="1"/>
      <c r="CJ142" s="1"/>
      <c r="CK142" s="1"/>
      <c r="CL142" s="1"/>
      <c r="CM142" s="1"/>
      <c r="CN142" s="1"/>
      <c r="CO142" s="1"/>
      <c r="CP142" s="1"/>
      <c r="CQ142" s="1"/>
      <c r="CR142" s="1"/>
      <c r="CS142" s="1"/>
      <c r="CT142" s="1"/>
      <c r="CU142" s="1"/>
      <c r="CV142" s="1"/>
      <c r="CW142" s="1"/>
      <c r="CX142" s="1"/>
      <c r="CY142" s="1"/>
      <c r="CZ142" s="1"/>
      <c r="DB142" s="1"/>
      <c r="DC142" s="1"/>
    </row>
    <row r="143" spans="2:107" x14ac:dyDescent="0.7">
      <c r="B143" s="1">
        <v>60.9</v>
      </c>
      <c r="C143" s="1">
        <v>4.8</v>
      </c>
      <c r="D143" s="1">
        <v>0.1</v>
      </c>
      <c r="E143" s="1">
        <v>5.3</v>
      </c>
      <c r="F143" s="1">
        <v>4.7</v>
      </c>
      <c r="G143" s="1">
        <v>8.1</v>
      </c>
      <c r="H143" s="1">
        <v>48.1</v>
      </c>
      <c r="I143" s="1">
        <v>6.7</v>
      </c>
      <c r="J143" s="1">
        <v>10</v>
      </c>
      <c r="K143" s="1">
        <v>10.1</v>
      </c>
      <c r="L143" s="1">
        <v>4.9000000000000004</v>
      </c>
      <c r="M143" s="1">
        <v>25</v>
      </c>
      <c r="N143" s="1">
        <v>3.4</v>
      </c>
      <c r="O143" s="1">
        <v>5.8</v>
      </c>
      <c r="P143" s="1">
        <v>47.1</v>
      </c>
      <c r="Q143" s="1">
        <v>11.2</v>
      </c>
      <c r="R143" s="1">
        <v>15.2</v>
      </c>
      <c r="S143" s="1">
        <v>9.4</v>
      </c>
      <c r="T143" s="1">
        <v>15</v>
      </c>
      <c r="U143" s="1">
        <v>26.9</v>
      </c>
      <c r="V143" s="1">
        <v>33.200000000000003</v>
      </c>
      <c r="W143" s="1">
        <v>4.8</v>
      </c>
      <c r="X143" s="1">
        <v>3.5</v>
      </c>
      <c r="Y143" s="1">
        <v>2</v>
      </c>
      <c r="Z143" s="1">
        <v>29.7</v>
      </c>
      <c r="AA143" s="1">
        <v>4.4000000000000004</v>
      </c>
      <c r="AB143" s="1">
        <v>32.299999999999997</v>
      </c>
      <c r="AC143" s="1">
        <v>17.2</v>
      </c>
      <c r="AD143" s="1">
        <v>6.8</v>
      </c>
      <c r="AE143" s="1">
        <v>20.6</v>
      </c>
      <c r="AF143" s="1">
        <v>43</v>
      </c>
      <c r="AG143" s="1">
        <v>35.1</v>
      </c>
      <c r="AH143" s="1">
        <v>24.3</v>
      </c>
      <c r="AI143" s="1">
        <v>24.3</v>
      </c>
      <c r="AJ143" s="1">
        <v>16.5</v>
      </c>
      <c r="AK143" s="1">
        <v>12</v>
      </c>
      <c r="AL143" s="1">
        <v>0.2</v>
      </c>
      <c r="AM143" s="1"/>
      <c r="AN143" s="1">
        <v>479</v>
      </c>
      <c r="AO143" s="1">
        <v>20</v>
      </c>
      <c r="AP143" s="1">
        <v>153</v>
      </c>
      <c r="AQ143" s="1">
        <v>41</v>
      </c>
      <c r="AR143" s="1">
        <v>146</v>
      </c>
      <c r="AS143" s="1">
        <v>5</v>
      </c>
      <c r="AT143" s="1">
        <v>17</v>
      </c>
      <c r="AU143" s="1">
        <v>130</v>
      </c>
      <c r="AV143" s="1">
        <v>107</v>
      </c>
      <c r="AW143" s="1">
        <v>31</v>
      </c>
      <c r="AX143" s="1">
        <v>9</v>
      </c>
      <c r="AY143" s="1">
        <v>1</v>
      </c>
      <c r="AZ143" s="1">
        <v>12</v>
      </c>
      <c r="BA143" s="1">
        <v>12</v>
      </c>
      <c r="BB143" s="1"/>
      <c r="BC143" s="30">
        <v>0.26944444444444443</v>
      </c>
      <c r="BD143" s="30">
        <v>0.29930555555555555</v>
      </c>
      <c r="BE143" s="30">
        <v>0.78680555555555554</v>
      </c>
      <c r="BF143" s="30">
        <v>0.94861111111111107</v>
      </c>
      <c r="BG143" s="30">
        <v>0.35694444444444445</v>
      </c>
      <c r="BR143" s="1"/>
      <c r="BS143" s="1"/>
      <c r="BT143" s="1"/>
      <c r="BU143" s="1"/>
      <c r="BV143" s="1"/>
      <c r="BW143" s="1"/>
      <c r="BX143" s="1"/>
      <c r="BY143" s="1"/>
      <c r="BZ143" s="1"/>
      <c r="CA143" s="1"/>
      <c r="CB143" s="1"/>
      <c r="CC143" s="1"/>
      <c r="CD143" s="1"/>
      <c r="CE143" s="1"/>
      <c r="CF143" s="1"/>
      <c r="CG143" s="1"/>
      <c r="CH143" s="1"/>
      <c r="CI143" s="1"/>
      <c r="CJ143" s="1"/>
      <c r="CK143" s="1"/>
      <c r="CL143" s="1"/>
      <c r="CM143" s="1"/>
      <c r="CN143" s="1"/>
      <c r="CO143" s="1"/>
      <c r="CP143" s="1"/>
      <c r="CQ143" s="1"/>
      <c r="CR143" s="1"/>
      <c r="CS143" s="1"/>
      <c r="CT143" s="1"/>
      <c r="CU143" s="1"/>
      <c r="CV143" s="1"/>
      <c r="CW143" s="1"/>
      <c r="CX143" s="1"/>
      <c r="CY143" s="1"/>
      <c r="CZ143" s="1"/>
      <c r="DB143" s="1"/>
      <c r="DC143" s="1"/>
    </row>
    <row r="144" spans="2:107" x14ac:dyDescent="0.7">
      <c r="B144" s="1">
        <v>63.1</v>
      </c>
      <c r="C144" s="1">
        <v>5.0999999999999996</v>
      </c>
      <c r="D144" s="1">
        <v>0.1</v>
      </c>
      <c r="E144" s="1">
        <v>2.7</v>
      </c>
      <c r="F144" s="1">
        <v>2.8</v>
      </c>
      <c r="G144" s="1">
        <v>8.6</v>
      </c>
      <c r="H144" s="1">
        <v>47</v>
      </c>
      <c r="I144" s="1">
        <v>9.1</v>
      </c>
      <c r="J144" s="1">
        <v>11.4</v>
      </c>
      <c r="K144" s="1">
        <v>7.2</v>
      </c>
      <c r="L144" s="1">
        <v>4.2</v>
      </c>
      <c r="M144" s="1">
        <v>25.3</v>
      </c>
      <c r="N144" s="1">
        <v>2.7</v>
      </c>
      <c r="O144" s="1">
        <v>2.8</v>
      </c>
      <c r="P144" s="1">
        <v>52.3</v>
      </c>
      <c r="Q144" s="1">
        <v>11.6</v>
      </c>
      <c r="R144" s="1">
        <v>14.8</v>
      </c>
      <c r="S144" s="1">
        <v>8.1999999999999993</v>
      </c>
      <c r="T144" s="1">
        <v>12.6</v>
      </c>
      <c r="U144" s="1">
        <v>25.8</v>
      </c>
      <c r="V144" s="1">
        <v>22.8</v>
      </c>
      <c r="W144" s="1">
        <v>5.2</v>
      </c>
      <c r="X144" s="1">
        <v>3.5</v>
      </c>
      <c r="Y144" s="1">
        <v>1.2</v>
      </c>
      <c r="Z144" s="1">
        <v>30.9</v>
      </c>
      <c r="AA144" s="1">
        <v>1.4</v>
      </c>
      <c r="AB144" s="1">
        <v>34.9</v>
      </c>
      <c r="AC144" s="1">
        <v>18</v>
      </c>
      <c r="AD144" s="1">
        <v>3.9</v>
      </c>
      <c r="AE144" s="1">
        <v>16.899999999999999</v>
      </c>
      <c r="AF144" s="1">
        <v>34.799999999999997</v>
      </c>
      <c r="AG144" s="1">
        <v>25.9</v>
      </c>
      <c r="AH144" s="1">
        <v>19.3</v>
      </c>
      <c r="AI144" s="1">
        <v>19.100000000000001</v>
      </c>
      <c r="AJ144" s="1">
        <v>13.7</v>
      </c>
      <c r="AK144" s="1">
        <v>8.1</v>
      </c>
      <c r="AL144" s="1">
        <v>0.4</v>
      </c>
      <c r="AM144" s="1"/>
      <c r="AN144" s="1">
        <v>478</v>
      </c>
      <c r="AO144" s="1">
        <v>25</v>
      </c>
      <c r="AP144" s="1">
        <v>164</v>
      </c>
      <c r="AQ144" s="1">
        <v>45</v>
      </c>
      <c r="AR144" s="1">
        <v>135</v>
      </c>
      <c r="AS144" s="1">
        <v>5</v>
      </c>
      <c r="AT144" s="1">
        <v>35</v>
      </c>
      <c r="AU144" s="1">
        <v>123</v>
      </c>
      <c r="AV144" s="1">
        <v>108</v>
      </c>
      <c r="AW144" s="1">
        <v>27</v>
      </c>
      <c r="AX144" s="1">
        <v>13</v>
      </c>
      <c r="AY144" s="1">
        <v>1</v>
      </c>
      <c r="AZ144" s="1">
        <v>11</v>
      </c>
      <c r="BA144" s="1">
        <v>7</v>
      </c>
      <c r="BB144" s="1"/>
      <c r="BC144" s="30">
        <v>0.2722222222222222</v>
      </c>
      <c r="BD144" s="30">
        <v>0.30625000000000002</v>
      </c>
      <c r="BE144" s="30">
        <v>0.79305555555555551</v>
      </c>
      <c r="BF144" s="30">
        <v>0.95972222222222225</v>
      </c>
      <c r="BG144" s="30">
        <v>0.37013888888888891</v>
      </c>
      <c r="BR144" s="1"/>
      <c r="BS144" s="1"/>
      <c r="BT144" s="1"/>
      <c r="BU144" s="1"/>
      <c r="BV144" s="1"/>
      <c r="BW144" s="1"/>
      <c r="BX144" s="1"/>
      <c r="BY144" s="1"/>
      <c r="BZ144" s="1"/>
      <c r="CA144" s="1"/>
      <c r="CB144" s="1"/>
      <c r="CC144" s="1"/>
      <c r="CD144" s="1"/>
      <c r="CE144" s="1"/>
      <c r="CF144" s="1"/>
      <c r="CG144" s="1"/>
      <c r="CH144" s="1"/>
      <c r="CI144" s="1"/>
      <c r="CJ144" s="1"/>
      <c r="CK144" s="1"/>
      <c r="CL144" s="1"/>
      <c r="CM144" s="1"/>
      <c r="CN144" s="1"/>
      <c r="CO144" s="1"/>
      <c r="CP144" s="1"/>
      <c r="CQ144" s="1"/>
      <c r="CR144" s="1"/>
      <c r="CS144" s="1"/>
      <c r="CT144" s="1"/>
      <c r="CU144" s="1"/>
      <c r="CV144" s="1"/>
      <c r="CW144" s="1"/>
      <c r="CX144" s="1"/>
      <c r="CY144" s="1"/>
      <c r="CZ144" s="1"/>
      <c r="DB144" s="1"/>
      <c r="DC144" s="1"/>
    </row>
  </sheetData>
  <phoneticPr fontId="1"/>
  <hyperlinks>
    <hyperlink ref="BS6" r:id="rId1" location="SSDSE-D" xr:uid="{C7F95A21-BD25-47F0-BC80-53AA5C1022E2}"/>
  </hyperlink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6" tint="0.39997558519241921"/>
  </sheetPr>
  <dimension ref="A1:AW48"/>
  <sheetViews>
    <sheetView topLeftCell="A22" workbookViewId="0">
      <selection activeCell="K21" sqref="K21"/>
    </sheetView>
  </sheetViews>
  <sheetFormatPr defaultRowHeight="17.649999999999999" x14ac:dyDescent="0.7"/>
  <cols>
    <col min="1" max="1" width="9" style="1"/>
    <col min="12" max="46" width="9" style="1"/>
    <col min="48" max="49" width="9" style="1"/>
  </cols>
  <sheetData>
    <row r="1" spans="1:13" x14ac:dyDescent="0.7">
      <c r="B1" s="1" t="s">
        <v>29</v>
      </c>
      <c r="C1" s="1" t="s">
        <v>77</v>
      </c>
      <c r="D1" s="1" t="s">
        <v>78</v>
      </c>
      <c r="E1" s="1" t="s">
        <v>79</v>
      </c>
      <c r="F1" s="1" t="s">
        <v>80</v>
      </c>
      <c r="G1" s="1" t="s">
        <v>81</v>
      </c>
      <c r="H1" s="1" t="s">
        <v>82</v>
      </c>
      <c r="I1" s="1" t="s">
        <v>83</v>
      </c>
      <c r="J1" s="1" t="s">
        <v>84</v>
      </c>
      <c r="K1" s="1" t="s">
        <v>85</v>
      </c>
    </row>
    <row r="2" spans="1:13" x14ac:dyDescent="0.7">
      <c r="A2" s="1" t="s">
        <v>30</v>
      </c>
      <c r="B2" s="1">
        <v>9.1999999999999993</v>
      </c>
      <c r="C2" s="1">
        <v>54.6</v>
      </c>
      <c r="D2" s="1">
        <v>8.6</v>
      </c>
      <c r="E2" s="1">
        <v>121.8</v>
      </c>
      <c r="F2" s="1">
        <v>168.3</v>
      </c>
      <c r="G2" s="1">
        <v>134.5</v>
      </c>
      <c r="H2" s="1">
        <v>479</v>
      </c>
      <c r="I2" s="1">
        <v>43.06</v>
      </c>
      <c r="J2" s="1">
        <v>141.33000000000001</v>
      </c>
      <c r="K2" s="1">
        <v>17.399999999999999</v>
      </c>
      <c r="M2" s="25" t="s">
        <v>120</v>
      </c>
    </row>
    <row r="3" spans="1:13" x14ac:dyDescent="0.7">
      <c r="A3" s="1" t="s">
        <v>31</v>
      </c>
      <c r="B3" s="1">
        <v>10.7</v>
      </c>
      <c r="C3" s="1">
        <v>65.8</v>
      </c>
      <c r="D3" s="1">
        <v>14.7</v>
      </c>
      <c r="E3" s="1">
        <v>102.5</v>
      </c>
      <c r="F3" s="1">
        <v>146.80000000000001</v>
      </c>
      <c r="G3" s="1">
        <v>119.5</v>
      </c>
      <c r="H3" s="1">
        <v>567</v>
      </c>
      <c r="I3" s="1">
        <v>40.82</v>
      </c>
      <c r="J3" s="1">
        <v>140.77000000000001</v>
      </c>
      <c r="K3" s="1">
        <v>2.8</v>
      </c>
      <c r="M3" s="25" t="s">
        <v>121</v>
      </c>
    </row>
    <row r="4" spans="1:13" x14ac:dyDescent="0.7">
      <c r="A4" s="1" t="s">
        <v>32</v>
      </c>
      <c r="B4" s="1">
        <v>10.6</v>
      </c>
      <c r="C4" s="1">
        <v>78.599999999999994</v>
      </c>
      <c r="D4" s="1">
        <v>22.4</v>
      </c>
      <c r="E4" s="1">
        <v>121.6</v>
      </c>
      <c r="F4" s="1">
        <v>173.7</v>
      </c>
      <c r="G4" s="1">
        <v>111</v>
      </c>
      <c r="H4" s="1">
        <v>209</v>
      </c>
      <c r="I4" s="1">
        <v>39.700000000000003</v>
      </c>
      <c r="J4" s="1">
        <v>141.16999999999999</v>
      </c>
      <c r="K4" s="1">
        <v>155.19999999999999</v>
      </c>
      <c r="M4" s="25" t="s">
        <v>122</v>
      </c>
    </row>
    <row r="5" spans="1:13" x14ac:dyDescent="0.7">
      <c r="A5" s="1" t="s">
        <v>33</v>
      </c>
      <c r="B5" s="1">
        <v>12.8</v>
      </c>
      <c r="C5" s="1">
        <v>74.7</v>
      </c>
      <c r="D5" s="1">
        <v>23</v>
      </c>
      <c r="E5" s="1">
        <v>65.099999999999994</v>
      </c>
      <c r="F5" s="1">
        <v>194.9</v>
      </c>
      <c r="G5" s="1">
        <v>81.400000000000006</v>
      </c>
      <c r="H5" s="1">
        <v>59</v>
      </c>
      <c r="I5" s="1">
        <v>38.26</v>
      </c>
      <c r="J5" s="1">
        <v>140.9</v>
      </c>
      <c r="K5" s="1">
        <v>38.9</v>
      </c>
    </row>
    <row r="6" spans="1:13" x14ac:dyDescent="0.7">
      <c r="A6" s="1" t="s">
        <v>34</v>
      </c>
      <c r="B6" s="1">
        <v>12.1</v>
      </c>
      <c r="C6" s="1">
        <v>82.1</v>
      </c>
      <c r="D6" s="1">
        <v>22.2</v>
      </c>
      <c r="E6" s="1">
        <v>81</v>
      </c>
      <c r="F6" s="1">
        <v>139.9</v>
      </c>
      <c r="G6" s="1">
        <v>108.9</v>
      </c>
      <c r="H6" s="1">
        <v>273</v>
      </c>
      <c r="I6" s="1">
        <v>39.72</v>
      </c>
      <c r="J6" s="1">
        <v>140.1</v>
      </c>
      <c r="K6" s="1">
        <v>6.3</v>
      </c>
      <c r="M6" s="26" t="s">
        <v>123</v>
      </c>
    </row>
    <row r="7" spans="1:13" x14ac:dyDescent="0.7">
      <c r="A7" s="1" t="s">
        <v>35</v>
      </c>
      <c r="B7" s="1">
        <v>12.1</v>
      </c>
      <c r="C7" s="1">
        <v>102.6</v>
      </c>
      <c r="D7" s="1">
        <v>41.3</v>
      </c>
      <c r="E7" s="1">
        <v>95.6</v>
      </c>
      <c r="F7" s="1">
        <v>156.19999999999999</v>
      </c>
      <c r="G7" s="1">
        <v>105.7</v>
      </c>
      <c r="H7" s="1">
        <v>285</v>
      </c>
      <c r="I7" s="1">
        <v>38.26</v>
      </c>
      <c r="J7" s="1">
        <v>140.35</v>
      </c>
      <c r="K7" s="1">
        <v>152.5</v>
      </c>
    </row>
    <row r="8" spans="1:13" x14ac:dyDescent="0.7">
      <c r="A8" s="1" t="s">
        <v>36</v>
      </c>
      <c r="B8" s="1">
        <v>13.4</v>
      </c>
      <c r="C8" s="1">
        <v>104.6</v>
      </c>
      <c r="D8" s="1">
        <v>47.1</v>
      </c>
      <c r="E8" s="1">
        <v>67.3</v>
      </c>
      <c r="F8" s="1">
        <v>183.5</v>
      </c>
      <c r="G8" s="1">
        <v>87</v>
      </c>
      <c r="H8" s="1">
        <v>122</v>
      </c>
      <c r="I8" s="1">
        <v>37.76</v>
      </c>
      <c r="J8" s="1">
        <v>140.47</v>
      </c>
      <c r="K8" s="1">
        <v>67.400000000000006</v>
      </c>
    </row>
    <row r="9" spans="1:13" x14ac:dyDescent="0.7">
      <c r="A9" s="1" t="s">
        <v>37</v>
      </c>
      <c r="B9" s="1">
        <v>14.1</v>
      </c>
      <c r="C9" s="1">
        <v>96.4</v>
      </c>
      <c r="D9" s="1">
        <v>38</v>
      </c>
      <c r="E9" s="1">
        <v>69</v>
      </c>
      <c r="F9" s="1">
        <v>206.2</v>
      </c>
      <c r="G9" s="1">
        <v>21.9</v>
      </c>
      <c r="H9" s="1">
        <v>12</v>
      </c>
      <c r="I9" s="1">
        <v>36.380000000000003</v>
      </c>
      <c r="J9" s="1">
        <v>140.47</v>
      </c>
      <c r="K9" s="1">
        <v>29</v>
      </c>
    </row>
    <row r="10" spans="1:13" x14ac:dyDescent="0.7">
      <c r="A10" s="1" t="s">
        <v>38</v>
      </c>
      <c r="B10" s="1">
        <v>14.3</v>
      </c>
      <c r="C10" s="1">
        <v>111.3</v>
      </c>
      <c r="D10" s="1">
        <v>49.6</v>
      </c>
      <c r="E10" s="1">
        <v>72.900000000000006</v>
      </c>
      <c r="F10" s="1">
        <v>200.6</v>
      </c>
      <c r="G10" s="1">
        <v>23.6</v>
      </c>
      <c r="H10" s="1">
        <v>18</v>
      </c>
      <c r="I10" s="1">
        <v>36.549999999999997</v>
      </c>
      <c r="J10" s="1">
        <v>139.87</v>
      </c>
      <c r="K10" s="1">
        <v>119.4</v>
      </c>
    </row>
    <row r="11" spans="1:13" x14ac:dyDescent="0.7">
      <c r="A11" s="1" t="s">
        <v>39</v>
      </c>
      <c r="B11" s="1">
        <v>15</v>
      </c>
      <c r="C11" s="1">
        <v>120.5</v>
      </c>
      <c r="D11" s="1">
        <v>58.2</v>
      </c>
      <c r="E11" s="1">
        <v>46.2</v>
      </c>
      <c r="F11" s="1">
        <v>224.3</v>
      </c>
      <c r="G11" s="1">
        <v>26.1</v>
      </c>
      <c r="H11" s="1">
        <v>19</v>
      </c>
      <c r="I11" s="1">
        <v>36.409999999999997</v>
      </c>
      <c r="J11" s="1">
        <v>139.06</v>
      </c>
      <c r="K11" s="1">
        <v>112.1</v>
      </c>
    </row>
    <row r="12" spans="1:13" x14ac:dyDescent="0.7">
      <c r="A12" s="1" t="s">
        <v>40</v>
      </c>
      <c r="B12" s="1">
        <v>15.4</v>
      </c>
      <c r="C12" s="1">
        <v>126.1</v>
      </c>
      <c r="D12" s="1">
        <v>62.6</v>
      </c>
      <c r="E12" s="1">
        <v>44.6</v>
      </c>
      <c r="F12" s="1">
        <v>216</v>
      </c>
      <c r="G12" s="1">
        <v>17.7</v>
      </c>
      <c r="H12" s="1">
        <v>16</v>
      </c>
      <c r="I12" s="1">
        <v>36.15</v>
      </c>
      <c r="J12" s="1">
        <v>139.38</v>
      </c>
      <c r="K12" s="1">
        <v>30</v>
      </c>
    </row>
    <row r="13" spans="1:13" x14ac:dyDescent="0.7">
      <c r="A13" s="1" t="s">
        <v>41</v>
      </c>
      <c r="B13" s="1">
        <v>16.2</v>
      </c>
      <c r="C13" s="1">
        <v>113.9</v>
      </c>
      <c r="D13" s="1">
        <v>49.1</v>
      </c>
      <c r="E13" s="1">
        <v>5.7</v>
      </c>
      <c r="F13" s="1">
        <v>197.9</v>
      </c>
      <c r="G13" s="1">
        <v>17.7</v>
      </c>
      <c r="H13" s="1">
        <v>7</v>
      </c>
      <c r="I13" s="1">
        <v>35.6</v>
      </c>
      <c r="J13" s="1">
        <v>140.1</v>
      </c>
      <c r="K13" s="1">
        <v>3.5</v>
      </c>
    </row>
    <row r="14" spans="1:13" x14ac:dyDescent="0.7">
      <c r="A14" s="1" t="s">
        <v>42</v>
      </c>
      <c r="B14" s="1">
        <v>15.8</v>
      </c>
      <c r="C14" s="1">
        <v>118.5</v>
      </c>
      <c r="D14" s="1">
        <v>52.1</v>
      </c>
      <c r="E14" s="1">
        <v>15.2</v>
      </c>
      <c r="F14" s="1">
        <v>198.3</v>
      </c>
      <c r="G14" s="1">
        <v>8.5</v>
      </c>
      <c r="H14" s="1">
        <v>8</v>
      </c>
      <c r="I14" s="1">
        <v>35.69</v>
      </c>
      <c r="J14" s="1">
        <v>139.75</v>
      </c>
      <c r="K14" s="1">
        <v>25.2</v>
      </c>
    </row>
    <row r="15" spans="1:13" x14ac:dyDescent="0.7">
      <c r="A15" s="1" t="s">
        <v>43</v>
      </c>
      <c r="B15" s="1">
        <v>16.2</v>
      </c>
      <c r="C15" s="1">
        <v>113.3</v>
      </c>
      <c r="D15" s="1">
        <v>48.8</v>
      </c>
      <c r="E15" s="1">
        <v>3.8</v>
      </c>
      <c r="F15" s="1">
        <v>207</v>
      </c>
      <c r="G15" s="1">
        <v>17.7</v>
      </c>
      <c r="H15" s="1">
        <v>9</v>
      </c>
      <c r="I15" s="1">
        <v>35.44</v>
      </c>
      <c r="J15" s="1">
        <v>139.65</v>
      </c>
      <c r="K15" s="1">
        <v>39.1</v>
      </c>
    </row>
    <row r="16" spans="1:13" x14ac:dyDescent="0.7">
      <c r="A16" s="1" t="s">
        <v>44</v>
      </c>
      <c r="B16" s="1">
        <v>13.9</v>
      </c>
      <c r="C16" s="1">
        <v>100.1</v>
      </c>
      <c r="D16" s="1">
        <v>36.299999999999997</v>
      </c>
      <c r="E16" s="1">
        <v>38.9</v>
      </c>
      <c r="F16" s="1">
        <v>153.1</v>
      </c>
      <c r="G16" s="1">
        <v>90.5</v>
      </c>
      <c r="H16" s="1">
        <v>139</v>
      </c>
      <c r="I16" s="1">
        <v>37.89</v>
      </c>
      <c r="J16" s="1">
        <v>139.02000000000001</v>
      </c>
      <c r="K16" s="1">
        <v>4.0999999999999996</v>
      </c>
    </row>
    <row r="17" spans="1:11" x14ac:dyDescent="0.7">
      <c r="A17" s="1" t="s">
        <v>45</v>
      </c>
      <c r="B17" s="1">
        <v>14.5</v>
      </c>
      <c r="C17" s="1">
        <v>112.4</v>
      </c>
      <c r="D17" s="1">
        <v>47.1</v>
      </c>
      <c r="E17" s="1">
        <v>37.700000000000003</v>
      </c>
      <c r="F17" s="1">
        <v>154.19999999999999</v>
      </c>
      <c r="G17" s="1">
        <v>71.8</v>
      </c>
      <c r="H17" s="1">
        <v>253</v>
      </c>
      <c r="I17" s="1">
        <v>36.71</v>
      </c>
      <c r="J17" s="1">
        <v>137.19999999999999</v>
      </c>
      <c r="K17" s="1">
        <v>8.6</v>
      </c>
    </row>
    <row r="18" spans="1:11" x14ac:dyDescent="0.7">
      <c r="A18" s="1" t="s">
        <v>46</v>
      </c>
      <c r="B18" s="1">
        <v>15</v>
      </c>
      <c r="C18" s="1">
        <v>111.7</v>
      </c>
      <c r="D18" s="1">
        <v>46</v>
      </c>
      <c r="E18" s="1">
        <v>22.8</v>
      </c>
      <c r="F18" s="1">
        <v>162.19999999999999</v>
      </c>
      <c r="G18" s="1">
        <v>73.900000000000006</v>
      </c>
      <c r="H18" s="1">
        <v>157</v>
      </c>
      <c r="I18" s="1">
        <v>36.590000000000003</v>
      </c>
      <c r="J18" s="1">
        <v>136.63</v>
      </c>
      <c r="K18" s="1">
        <v>5.7</v>
      </c>
    </row>
    <row r="19" spans="1:11" x14ac:dyDescent="0.7">
      <c r="A19" s="1" t="s">
        <v>47</v>
      </c>
      <c r="B19" s="1">
        <v>14.8</v>
      </c>
      <c r="C19" s="1">
        <v>123</v>
      </c>
      <c r="D19" s="1">
        <v>55.1</v>
      </c>
      <c r="E19" s="1">
        <v>34.200000000000003</v>
      </c>
      <c r="F19" s="1">
        <v>157.5</v>
      </c>
      <c r="G19" s="1">
        <v>69.2</v>
      </c>
      <c r="H19" s="1">
        <v>186</v>
      </c>
      <c r="I19" s="1">
        <v>36.06</v>
      </c>
      <c r="J19" s="1">
        <v>136.22</v>
      </c>
      <c r="K19" s="1">
        <v>8.8000000000000007</v>
      </c>
    </row>
    <row r="20" spans="1:11" x14ac:dyDescent="0.7">
      <c r="A20" s="1" t="s">
        <v>48</v>
      </c>
      <c r="B20" s="1">
        <v>15.1</v>
      </c>
      <c r="C20" s="1">
        <v>137.69999999999999</v>
      </c>
      <c r="D20" s="1">
        <v>71.900000000000006</v>
      </c>
      <c r="E20" s="1">
        <v>64.099999999999994</v>
      </c>
      <c r="F20" s="1">
        <v>234.2</v>
      </c>
      <c r="G20" s="1">
        <v>19.399999999999999</v>
      </c>
      <c r="H20" s="1">
        <v>23</v>
      </c>
      <c r="I20" s="1">
        <v>35.67</v>
      </c>
      <c r="J20" s="1">
        <v>138.55000000000001</v>
      </c>
      <c r="K20" s="1">
        <v>272.8</v>
      </c>
    </row>
    <row r="21" spans="1:11" x14ac:dyDescent="0.7">
      <c r="A21" s="1" t="s">
        <v>49</v>
      </c>
      <c r="B21" s="1">
        <v>12.3</v>
      </c>
      <c r="C21" s="1">
        <v>110.5</v>
      </c>
      <c r="D21" s="1">
        <v>47.6</v>
      </c>
      <c r="E21" s="1">
        <v>102.6</v>
      </c>
      <c r="F21" s="1">
        <v>205.3</v>
      </c>
      <c r="G21" s="1">
        <v>85.6</v>
      </c>
      <c r="H21" s="1">
        <v>163</v>
      </c>
      <c r="I21" s="1">
        <v>36.659999999999997</v>
      </c>
      <c r="J21" s="1">
        <v>138.19</v>
      </c>
      <c r="K21" s="1">
        <v>418.2</v>
      </c>
    </row>
    <row r="22" spans="1:11" x14ac:dyDescent="0.7">
      <c r="A22" s="1" t="s">
        <v>50</v>
      </c>
      <c r="B22" s="1">
        <v>16.2</v>
      </c>
      <c r="C22" s="1">
        <v>139.4</v>
      </c>
      <c r="D22" s="1">
        <v>72</v>
      </c>
      <c r="E22" s="1">
        <v>29.1</v>
      </c>
      <c r="F22" s="1">
        <v>216.5</v>
      </c>
      <c r="G22" s="1">
        <v>33.4</v>
      </c>
      <c r="H22" s="1">
        <v>34</v>
      </c>
      <c r="I22" s="1">
        <v>35.4</v>
      </c>
      <c r="J22" s="1">
        <v>136.76</v>
      </c>
      <c r="K22" s="1">
        <v>12.7</v>
      </c>
    </row>
    <row r="23" spans="1:11" x14ac:dyDescent="0.7">
      <c r="A23" s="1" t="s">
        <v>51</v>
      </c>
      <c r="B23" s="1">
        <v>16.899999999999999</v>
      </c>
      <c r="C23" s="1">
        <v>126.5</v>
      </c>
      <c r="D23" s="1">
        <v>53.7</v>
      </c>
      <c r="E23" s="1">
        <v>15.2</v>
      </c>
      <c r="F23" s="1">
        <v>221.1</v>
      </c>
      <c r="G23" s="1">
        <v>4.0999999999999996</v>
      </c>
      <c r="H23" s="1">
        <v>0</v>
      </c>
      <c r="I23" s="1">
        <v>34.979999999999997</v>
      </c>
      <c r="J23" s="1">
        <v>138.4</v>
      </c>
      <c r="K23" s="1">
        <v>14.1</v>
      </c>
    </row>
    <row r="24" spans="1:11" x14ac:dyDescent="0.7">
      <c r="A24" s="1" t="s">
        <v>52</v>
      </c>
      <c r="B24" s="1">
        <v>16.2</v>
      </c>
      <c r="C24" s="1">
        <v>138.19999999999999</v>
      </c>
      <c r="D24" s="1">
        <v>69.7</v>
      </c>
      <c r="E24" s="1">
        <v>23.8</v>
      </c>
      <c r="F24" s="1">
        <v>220.6</v>
      </c>
      <c r="G24" s="1">
        <v>23.7</v>
      </c>
      <c r="H24" s="1">
        <v>12</v>
      </c>
      <c r="I24" s="1">
        <v>35.17</v>
      </c>
      <c r="J24" s="1">
        <v>136.97</v>
      </c>
      <c r="K24" s="1">
        <v>51.1</v>
      </c>
    </row>
    <row r="25" spans="1:11" x14ac:dyDescent="0.7">
      <c r="A25" s="1" t="s">
        <v>53</v>
      </c>
      <c r="B25" s="1">
        <v>16.3</v>
      </c>
      <c r="C25" s="1">
        <v>121.8</v>
      </c>
      <c r="D25" s="1">
        <v>52.9</v>
      </c>
      <c r="E25" s="1">
        <v>8.6</v>
      </c>
      <c r="F25" s="1">
        <v>220.7</v>
      </c>
      <c r="G25" s="1">
        <v>26.5</v>
      </c>
      <c r="H25" s="1">
        <v>6</v>
      </c>
      <c r="I25" s="1">
        <v>34.729999999999997</v>
      </c>
      <c r="J25" s="1">
        <v>136.52000000000001</v>
      </c>
      <c r="K25" s="1">
        <v>2.7</v>
      </c>
    </row>
    <row r="26" spans="1:11" x14ac:dyDescent="0.7">
      <c r="A26" s="1" t="s">
        <v>54</v>
      </c>
      <c r="B26" s="1">
        <v>15</v>
      </c>
      <c r="C26" s="1">
        <v>116.5</v>
      </c>
      <c r="D26" s="1">
        <v>52.4</v>
      </c>
      <c r="E26" s="1">
        <v>24.3</v>
      </c>
      <c r="F26" s="1">
        <v>185</v>
      </c>
      <c r="G26" s="1">
        <v>49.3</v>
      </c>
      <c r="H26" s="1">
        <v>81</v>
      </c>
      <c r="I26" s="1">
        <v>35.28</v>
      </c>
      <c r="J26" s="1">
        <v>136.24</v>
      </c>
      <c r="K26" s="1">
        <v>87.3</v>
      </c>
    </row>
    <row r="27" spans="1:11" x14ac:dyDescent="0.7">
      <c r="A27" s="1" t="s">
        <v>55</v>
      </c>
      <c r="B27" s="1">
        <v>16.2</v>
      </c>
      <c r="C27" s="1">
        <v>142.6</v>
      </c>
      <c r="D27" s="1">
        <v>75.8</v>
      </c>
      <c r="E27" s="1">
        <v>18</v>
      </c>
      <c r="F27" s="1">
        <v>187.2</v>
      </c>
      <c r="G27" s="1">
        <v>44.5</v>
      </c>
      <c r="H27" s="1">
        <v>15</v>
      </c>
      <c r="I27" s="1">
        <v>35.01</v>
      </c>
      <c r="J27" s="1">
        <v>135.72999999999999</v>
      </c>
      <c r="K27" s="1">
        <v>40.799999999999997</v>
      </c>
    </row>
    <row r="28" spans="1:11" x14ac:dyDescent="0.7">
      <c r="A28" s="1" t="s">
        <v>56</v>
      </c>
      <c r="B28" s="1">
        <v>17.100000000000001</v>
      </c>
      <c r="C28" s="1">
        <v>143.1</v>
      </c>
      <c r="D28" s="1">
        <v>74.900000000000006</v>
      </c>
      <c r="E28" s="1">
        <v>3.9</v>
      </c>
      <c r="F28" s="1">
        <v>213.7</v>
      </c>
      <c r="G28" s="1">
        <v>13.9</v>
      </c>
      <c r="H28" s="1">
        <v>1</v>
      </c>
      <c r="I28" s="1">
        <v>34.68</v>
      </c>
      <c r="J28" s="1">
        <v>135.52000000000001</v>
      </c>
      <c r="K28" s="1">
        <v>23</v>
      </c>
    </row>
    <row r="29" spans="1:11" x14ac:dyDescent="0.7">
      <c r="A29" s="1" t="s">
        <v>57</v>
      </c>
      <c r="B29" s="1">
        <v>17</v>
      </c>
      <c r="C29" s="1">
        <v>130.1</v>
      </c>
      <c r="D29" s="1">
        <v>57.9</v>
      </c>
      <c r="E29" s="1">
        <v>4.4000000000000004</v>
      </c>
      <c r="F29" s="1">
        <v>217.1</v>
      </c>
      <c r="G29" s="1">
        <v>26.9</v>
      </c>
      <c r="H29" s="1">
        <v>1</v>
      </c>
      <c r="I29" s="1">
        <v>34.700000000000003</v>
      </c>
      <c r="J29" s="1">
        <v>135.21</v>
      </c>
      <c r="K29" s="1">
        <v>5.3</v>
      </c>
    </row>
    <row r="30" spans="1:11" x14ac:dyDescent="0.7">
      <c r="A30" s="1" t="s">
        <v>58</v>
      </c>
      <c r="B30" s="1">
        <v>15.7</v>
      </c>
      <c r="C30" s="1">
        <v>138.69999999999999</v>
      </c>
      <c r="D30" s="1">
        <v>72.7</v>
      </c>
      <c r="E30" s="1">
        <v>31.4</v>
      </c>
      <c r="F30" s="1">
        <v>190.7</v>
      </c>
      <c r="G30" s="1">
        <v>33.9</v>
      </c>
      <c r="H30" s="1">
        <v>5</v>
      </c>
      <c r="I30" s="1">
        <v>34.67</v>
      </c>
      <c r="J30" s="1">
        <v>135.84</v>
      </c>
      <c r="K30" s="1">
        <v>102.1</v>
      </c>
    </row>
    <row r="31" spans="1:11" x14ac:dyDescent="0.7">
      <c r="A31" s="1" t="s">
        <v>59</v>
      </c>
      <c r="B31" s="1">
        <v>16.899999999999999</v>
      </c>
      <c r="C31" s="1">
        <v>137</v>
      </c>
      <c r="D31" s="1">
        <v>65.8</v>
      </c>
      <c r="E31" s="1">
        <v>5.4</v>
      </c>
      <c r="F31" s="1">
        <v>215.7</v>
      </c>
      <c r="G31" s="1">
        <v>25.4</v>
      </c>
      <c r="H31" s="1">
        <v>1</v>
      </c>
      <c r="I31" s="1">
        <v>34.229999999999997</v>
      </c>
      <c r="J31" s="1">
        <v>135.16</v>
      </c>
      <c r="K31" s="1">
        <v>13.9</v>
      </c>
    </row>
    <row r="32" spans="1:11" x14ac:dyDescent="0.7">
      <c r="A32" s="1" t="s">
        <v>60</v>
      </c>
      <c r="B32" s="1">
        <v>15.2</v>
      </c>
      <c r="C32" s="1">
        <v>126.3</v>
      </c>
      <c r="D32" s="1">
        <v>59.1</v>
      </c>
      <c r="E32" s="1">
        <v>25.4</v>
      </c>
      <c r="F32" s="1">
        <v>160</v>
      </c>
      <c r="G32" s="1">
        <v>54.7</v>
      </c>
      <c r="H32" s="1">
        <v>140</v>
      </c>
      <c r="I32" s="1">
        <v>35.49</v>
      </c>
      <c r="J32" s="1">
        <v>134.24</v>
      </c>
      <c r="K32" s="1">
        <v>7.1</v>
      </c>
    </row>
    <row r="33" spans="1:11" x14ac:dyDescent="0.7">
      <c r="A33" s="1" t="s">
        <v>61</v>
      </c>
      <c r="B33" s="1">
        <v>15.2</v>
      </c>
      <c r="C33" s="1">
        <v>116.4</v>
      </c>
      <c r="D33" s="1">
        <v>48.6</v>
      </c>
      <c r="E33" s="1">
        <v>22.1</v>
      </c>
      <c r="F33" s="1">
        <v>163.5</v>
      </c>
      <c r="G33" s="1">
        <v>50.5</v>
      </c>
      <c r="H33" s="1">
        <v>68</v>
      </c>
      <c r="I33" s="1">
        <v>35.46</v>
      </c>
      <c r="J33" s="1">
        <v>133.07</v>
      </c>
      <c r="K33" s="1">
        <v>16.899999999999999</v>
      </c>
    </row>
    <row r="34" spans="1:11" x14ac:dyDescent="0.7">
      <c r="A34" s="1" t="s">
        <v>62</v>
      </c>
      <c r="B34" s="1">
        <v>15.8</v>
      </c>
      <c r="C34" s="1">
        <v>140.4</v>
      </c>
      <c r="D34" s="1">
        <v>70.599999999999994</v>
      </c>
      <c r="E34" s="1">
        <v>42.1</v>
      </c>
      <c r="F34" s="1">
        <v>216.1</v>
      </c>
      <c r="G34" s="1">
        <v>24.4</v>
      </c>
      <c r="H34" s="1">
        <v>1</v>
      </c>
      <c r="I34" s="1">
        <v>34.69</v>
      </c>
      <c r="J34" s="1">
        <v>133.93</v>
      </c>
      <c r="K34" s="1">
        <v>5.3</v>
      </c>
    </row>
    <row r="35" spans="1:11" x14ac:dyDescent="0.7">
      <c r="A35" s="1" t="s">
        <v>63</v>
      </c>
      <c r="B35" s="1">
        <v>16.5</v>
      </c>
      <c r="C35" s="1">
        <v>139.5</v>
      </c>
      <c r="D35" s="1">
        <v>64.3</v>
      </c>
      <c r="E35" s="1">
        <v>12.8</v>
      </c>
      <c r="F35" s="1">
        <v>210.1</v>
      </c>
      <c r="G35" s="1">
        <v>33.6</v>
      </c>
      <c r="H35" s="1">
        <v>8</v>
      </c>
      <c r="I35" s="1">
        <v>34.4</v>
      </c>
      <c r="J35" s="1">
        <v>132.46</v>
      </c>
      <c r="K35" s="1">
        <v>3.6</v>
      </c>
    </row>
    <row r="36" spans="1:11" x14ac:dyDescent="0.7">
      <c r="A36" s="1" t="s">
        <v>64</v>
      </c>
      <c r="B36" s="1">
        <v>15.6</v>
      </c>
      <c r="C36" s="1">
        <v>142.5</v>
      </c>
      <c r="D36" s="1">
        <v>67.099999999999994</v>
      </c>
      <c r="E36" s="1">
        <v>42</v>
      </c>
      <c r="F36" s="1">
        <v>191</v>
      </c>
      <c r="G36" s="1">
        <v>41.3</v>
      </c>
      <c r="H36" s="1">
        <v>26</v>
      </c>
      <c r="I36" s="1">
        <v>34.159999999999997</v>
      </c>
      <c r="J36" s="1">
        <v>131.46</v>
      </c>
      <c r="K36" s="1">
        <v>18.100000000000001</v>
      </c>
    </row>
    <row r="37" spans="1:11" x14ac:dyDescent="0.7">
      <c r="A37" s="1" t="s">
        <v>65</v>
      </c>
      <c r="B37" s="1">
        <v>16.8</v>
      </c>
      <c r="C37" s="1">
        <v>132.30000000000001</v>
      </c>
      <c r="D37" s="1">
        <v>60</v>
      </c>
      <c r="E37" s="1">
        <v>5.3</v>
      </c>
      <c r="F37" s="1">
        <v>219.4</v>
      </c>
      <c r="G37" s="1">
        <v>18.8</v>
      </c>
      <c r="H37" s="1">
        <v>2</v>
      </c>
      <c r="I37" s="1">
        <v>34.07</v>
      </c>
      <c r="J37" s="1">
        <v>134.57</v>
      </c>
      <c r="K37" s="1">
        <v>1.6</v>
      </c>
    </row>
    <row r="38" spans="1:11" x14ac:dyDescent="0.7">
      <c r="A38" s="1" t="s">
        <v>66</v>
      </c>
      <c r="B38" s="1">
        <v>16.7</v>
      </c>
      <c r="C38" s="1">
        <v>137.9</v>
      </c>
      <c r="D38" s="1">
        <v>68.599999999999994</v>
      </c>
      <c r="E38" s="1">
        <v>13.2</v>
      </c>
      <c r="F38" s="1">
        <v>212.8</v>
      </c>
      <c r="G38" s="1">
        <v>19</v>
      </c>
      <c r="H38" s="1">
        <v>1</v>
      </c>
      <c r="I38" s="1">
        <v>34.32</v>
      </c>
      <c r="J38" s="1">
        <v>134.05000000000001</v>
      </c>
      <c r="K38" s="1">
        <v>9.4</v>
      </c>
    </row>
    <row r="39" spans="1:11" x14ac:dyDescent="0.7">
      <c r="A39" s="1" t="s">
        <v>67</v>
      </c>
      <c r="B39" s="1">
        <v>16.8</v>
      </c>
      <c r="C39" s="1">
        <v>138.4</v>
      </c>
      <c r="D39" s="1">
        <v>65.099999999999994</v>
      </c>
      <c r="E39" s="1">
        <v>8.9</v>
      </c>
      <c r="F39" s="1">
        <v>204.5</v>
      </c>
      <c r="G39" s="1">
        <v>18.3</v>
      </c>
      <c r="H39" s="1">
        <v>1</v>
      </c>
      <c r="I39" s="1">
        <v>33.840000000000003</v>
      </c>
      <c r="J39" s="1">
        <v>132.78</v>
      </c>
      <c r="K39" s="1">
        <v>32.200000000000003</v>
      </c>
    </row>
    <row r="40" spans="1:11" x14ac:dyDescent="0.7">
      <c r="A40" s="1" t="s">
        <v>68</v>
      </c>
      <c r="B40" s="1">
        <v>17.3</v>
      </c>
      <c r="C40" s="1">
        <v>149.80000000000001</v>
      </c>
      <c r="D40" s="1">
        <v>66</v>
      </c>
      <c r="E40" s="1">
        <v>16.399999999999999</v>
      </c>
      <c r="F40" s="1">
        <v>223.2</v>
      </c>
      <c r="G40" s="1">
        <v>10.3</v>
      </c>
      <c r="H40" s="1">
        <v>1</v>
      </c>
      <c r="I40" s="1">
        <v>33.57</v>
      </c>
      <c r="J40" s="1">
        <v>133.55000000000001</v>
      </c>
      <c r="K40" s="1">
        <v>0.5</v>
      </c>
    </row>
    <row r="41" spans="1:11" x14ac:dyDescent="0.7">
      <c r="A41" s="1" t="s">
        <v>69</v>
      </c>
      <c r="B41" s="1">
        <v>17.3</v>
      </c>
      <c r="C41" s="1">
        <v>137.69999999999999</v>
      </c>
      <c r="D41" s="1">
        <v>60.4</v>
      </c>
      <c r="E41" s="1">
        <v>2.5</v>
      </c>
      <c r="F41" s="1">
        <v>188.3</v>
      </c>
      <c r="G41" s="1">
        <v>23.4</v>
      </c>
      <c r="H41" s="1">
        <v>2</v>
      </c>
      <c r="I41" s="1">
        <v>33.58</v>
      </c>
      <c r="J41" s="1">
        <v>130.38</v>
      </c>
      <c r="K41" s="1">
        <v>2.5</v>
      </c>
    </row>
    <row r="42" spans="1:11" x14ac:dyDescent="0.7">
      <c r="A42" s="1" t="s">
        <v>70</v>
      </c>
      <c r="B42" s="1">
        <v>16.899999999999999</v>
      </c>
      <c r="C42" s="1">
        <v>149.4</v>
      </c>
      <c r="D42" s="1">
        <v>72.2</v>
      </c>
      <c r="E42" s="1">
        <v>19.600000000000001</v>
      </c>
      <c r="F42" s="1">
        <v>200.3</v>
      </c>
      <c r="G42" s="1">
        <v>22.2</v>
      </c>
      <c r="H42" s="1">
        <v>4</v>
      </c>
      <c r="I42" s="1">
        <v>33.270000000000003</v>
      </c>
      <c r="J42" s="1">
        <v>130.31</v>
      </c>
      <c r="K42" s="1">
        <v>5.5</v>
      </c>
    </row>
    <row r="43" spans="1:11" x14ac:dyDescent="0.7">
      <c r="A43" s="1" t="s">
        <v>71</v>
      </c>
      <c r="B43" s="1">
        <v>17.399999999999999</v>
      </c>
      <c r="C43" s="1">
        <v>136</v>
      </c>
      <c r="D43" s="1">
        <v>56.5</v>
      </c>
      <c r="E43" s="1">
        <v>3.6</v>
      </c>
      <c r="F43" s="1">
        <v>191.2</v>
      </c>
      <c r="G43" s="1">
        <v>18.7</v>
      </c>
      <c r="H43" s="1">
        <v>4</v>
      </c>
      <c r="I43" s="1">
        <v>32.729999999999997</v>
      </c>
      <c r="J43" s="1">
        <v>129.87</v>
      </c>
      <c r="K43" s="1">
        <v>26.9</v>
      </c>
    </row>
    <row r="44" spans="1:11" x14ac:dyDescent="0.7">
      <c r="A44" s="1" t="s">
        <v>72</v>
      </c>
      <c r="B44" s="1">
        <v>17.2</v>
      </c>
      <c r="C44" s="1">
        <v>156.1</v>
      </c>
      <c r="D44" s="1">
        <v>80.7</v>
      </c>
      <c r="E44" s="1">
        <v>25.2</v>
      </c>
      <c r="F44" s="1">
        <v>202.4</v>
      </c>
      <c r="G44" s="1">
        <v>17.7</v>
      </c>
      <c r="H44" s="1">
        <v>1</v>
      </c>
      <c r="I44" s="1">
        <v>32.81</v>
      </c>
      <c r="J44" s="1">
        <v>130.71</v>
      </c>
      <c r="K44" s="1">
        <v>37.700000000000003</v>
      </c>
    </row>
    <row r="45" spans="1:11" x14ac:dyDescent="0.7">
      <c r="A45" s="1" t="s">
        <v>73</v>
      </c>
      <c r="B45" s="1">
        <v>16.8</v>
      </c>
      <c r="C45" s="1">
        <v>131.1</v>
      </c>
      <c r="D45" s="1">
        <v>58.4</v>
      </c>
      <c r="E45" s="1">
        <v>12.2</v>
      </c>
      <c r="F45" s="1">
        <v>205.6</v>
      </c>
      <c r="G45" s="1">
        <v>17.3</v>
      </c>
      <c r="H45" s="1">
        <v>1</v>
      </c>
      <c r="I45" s="1">
        <v>33.24</v>
      </c>
      <c r="J45" s="1">
        <v>131.62</v>
      </c>
      <c r="K45" s="1">
        <v>4.5999999999999996</v>
      </c>
    </row>
    <row r="46" spans="1:11" x14ac:dyDescent="0.7">
      <c r="A46" s="1" t="s">
        <v>74</v>
      </c>
      <c r="B46" s="1">
        <v>17.7</v>
      </c>
      <c r="C46" s="1">
        <v>141.80000000000001</v>
      </c>
      <c r="D46" s="1">
        <v>62.3</v>
      </c>
      <c r="E46" s="1">
        <v>11.9</v>
      </c>
      <c r="F46" s="1">
        <v>213</v>
      </c>
      <c r="G46" s="1">
        <v>3.6</v>
      </c>
      <c r="H46" s="1">
        <v>0</v>
      </c>
      <c r="I46" s="1">
        <v>31.94</v>
      </c>
      <c r="J46" s="1">
        <v>131.41</v>
      </c>
      <c r="K46" s="1">
        <v>9.1999999999999993</v>
      </c>
    </row>
    <row r="47" spans="1:11" x14ac:dyDescent="0.7">
      <c r="A47" s="1" t="s">
        <v>75</v>
      </c>
      <c r="B47" s="1">
        <v>18.8</v>
      </c>
      <c r="C47" s="1">
        <v>160.9</v>
      </c>
      <c r="D47" s="1">
        <v>78</v>
      </c>
      <c r="E47" s="1">
        <v>1.7</v>
      </c>
      <c r="F47" s="1">
        <v>197</v>
      </c>
      <c r="G47" s="1">
        <v>10</v>
      </c>
      <c r="H47" s="1">
        <v>2</v>
      </c>
      <c r="I47" s="1">
        <v>31.56</v>
      </c>
      <c r="J47" s="1">
        <v>130.55000000000001</v>
      </c>
      <c r="K47" s="1">
        <v>3.9</v>
      </c>
    </row>
    <row r="48" spans="1:11" x14ac:dyDescent="0.7">
      <c r="A48" s="1" t="s">
        <v>76</v>
      </c>
      <c r="B48" s="1">
        <v>23.3</v>
      </c>
      <c r="C48" s="1">
        <v>213.3</v>
      </c>
      <c r="D48" s="1">
        <v>102.5</v>
      </c>
      <c r="E48" s="1">
        <v>0</v>
      </c>
      <c r="F48" s="1">
        <v>180.6</v>
      </c>
      <c r="G48" s="1">
        <v>0</v>
      </c>
      <c r="H48" s="1">
        <v>0</v>
      </c>
      <c r="I48" s="1">
        <v>26.21</v>
      </c>
      <c r="J48" s="1">
        <v>127.69</v>
      </c>
      <c r="K48" s="1">
        <v>28.1</v>
      </c>
    </row>
  </sheetData>
  <phoneticPr fontId="1"/>
  <hyperlinks>
    <hyperlink ref="M6" r:id="rId1" location="SSDSE-F" xr:uid="{9B63ADB7-18A2-47B1-83A6-0D557D4D74F6}"/>
  </hyperlink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EF0E9F-3ECC-4491-ACC4-1C43A0059329}">
  <dimension ref="A1:R48"/>
  <sheetViews>
    <sheetView workbookViewId="0"/>
  </sheetViews>
  <sheetFormatPr defaultRowHeight="17.649999999999999" x14ac:dyDescent="0.7"/>
  <cols>
    <col min="1" max="16" width="9" style="1"/>
  </cols>
  <sheetData>
    <row r="1" spans="1:18" x14ac:dyDescent="0.7">
      <c r="B1" s="1" t="s">
        <v>1</v>
      </c>
      <c r="C1" s="1" t="s">
        <v>110</v>
      </c>
      <c r="D1" s="1" t="s">
        <v>111</v>
      </c>
      <c r="E1" s="1" t="s">
        <v>112</v>
      </c>
      <c r="F1" s="1" t="s">
        <v>2</v>
      </c>
      <c r="G1" s="1" t="s">
        <v>3</v>
      </c>
      <c r="H1" s="1" t="s">
        <v>113</v>
      </c>
      <c r="I1" s="1" t="s">
        <v>4</v>
      </c>
      <c r="J1" s="1" t="s">
        <v>5</v>
      </c>
      <c r="K1" s="1" t="s">
        <v>6</v>
      </c>
      <c r="L1" s="1" t="s">
        <v>114</v>
      </c>
      <c r="M1" s="1" t="s">
        <v>7</v>
      </c>
      <c r="N1" s="1" t="s">
        <v>8</v>
      </c>
      <c r="O1" s="1" t="s">
        <v>9</v>
      </c>
      <c r="P1" s="1" t="s">
        <v>126</v>
      </c>
    </row>
    <row r="2" spans="1:18" x14ac:dyDescent="0.7">
      <c r="A2" s="1" t="s">
        <v>30</v>
      </c>
      <c r="B2" s="1">
        <v>5092000</v>
      </c>
      <c r="C2" s="1">
        <v>514000</v>
      </c>
      <c r="D2" s="1">
        <v>2897000</v>
      </c>
      <c r="E2" s="1">
        <v>1681000</v>
      </c>
      <c r="F2" s="1">
        <v>26407</v>
      </c>
      <c r="G2" s="1">
        <v>1.1200000000000001</v>
      </c>
      <c r="H2" s="1">
        <v>74437</v>
      </c>
      <c r="I2" s="1">
        <v>5032739</v>
      </c>
      <c r="J2" s="1">
        <v>999825</v>
      </c>
      <c r="K2" s="1">
        <v>18665</v>
      </c>
      <c r="L2" s="1">
        <v>8398</v>
      </c>
      <c r="M2" s="1">
        <v>2268995</v>
      </c>
      <c r="N2" s="1">
        <v>880179</v>
      </c>
      <c r="O2" s="1">
        <v>19725624</v>
      </c>
      <c r="P2" s="1">
        <v>2682</v>
      </c>
      <c r="R2" s="25" t="s">
        <v>115</v>
      </c>
    </row>
    <row r="3" spans="1:18" x14ac:dyDescent="0.7">
      <c r="A3" s="1" t="s">
        <v>31</v>
      </c>
      <c r="B3" s="1">
        <v>1184000</v>
      </c>
      <c r="C3" s="1">
        <v>118000</v>
      </c>
      <c r="D3" s="1">
        <v>649000</v>
      </c>
      <c r="E3" s="1">
        <v>417000</v>
      </c>
      <c r="F3" s="1">
        <v>5985</v>
      </c>
      <c r="G3" s="1">
        <v>1.24</v>
      </c>
      <c r="H3" s="1">
        <v>20117</v>
      </c>
      <c r="I3" s="1">
        <v>1191534</v>
      </c>
      <c r="J3" s="1">
        <v>168917</v>
      </c>
      <c r="K3" s="1">
        <v>3656</v>
      </c>
      <c r="L3" s="1">
        <v>1664</v>
      </c>
      <c r="M3" s="1">
        <v>325268</v>
      </c>
      <c r="N3" s="1">
        <v>114187</v>
      </c>
      <c r="O3" s="1">
        <v>4456607</v>
      </c>
      <c r="P3" s="1">
        <v>2633</v>
      </c>
      <c r="R3" s="25" t="s">
        <v>116</v>
      </c>
    </row>
    <row r="4" spans="1:18" x14ac:dyDescent="0.7">
      <c r="A4" s="1" t="s">
        <v>32</v>
      </c>
      <c r="B4" s="1">
        <v>1163000</v>
      </c>
      <c r="C4" s="1">
        <v>120000</v>
      </c>
      <c r="D4" s="1">
        <v>636000</v>
      </c>
      <c r="E4" s="1">
        <v>407000</v>
      </c>
      <c r="F4" s="1">
        <v>5788</v>
      </c>
      <c r="G4" s="1">
        <v>1.21</v>
      </c>
      <c r="H4" s="1">
        <v>19342</v>
      </c>
      <c r="I4" s="1">
        <v>1174106</v>
      </c>
      <c r="J4" s="1">
        <v>163290</v>
      </c>
      <c r="K4" s="1">
        <v>3508</v>
      </c>
      <c r="L4" s="1">
        <v>1492</v>
      </c>
      <c r="M4" s="1">
        <v>375140</v>
      </c>
      <c r="N4" s="1">
        <v>72242</v>
      </c>
      <c r="O4" s="1">
        <v>4747426</v>
      </c>
      <c r="P4" s="1">
        <v>2666</v>
      </c>
      <c r="R4" s="25" t="s">
        <v>117</v>
      </c>
    </row>
    <row r="5" spans="1:18" x14ac:dyDescent="0.7">
      <c r="A5" s="1" t="s">
        <v>33</v>
      </c>
      <c r="B5" s="1">
        <v>2264000</v>
      </c>
      <c r="C5" s="1">
        <v>250000</v>
      </c>
      <c r="D5" s="1">
        <v>1352000</v>
      </c>
      <c r="E5" s="1">
        <v>662000</v>
      </c>
      <c r="F5" s="1">
        <v>12852</v>
      </c>
      <c r="G5" s="1">
        <v>1.0900000000000001</v>
      </c>
      <c r="H5" s="1">
        <v>28040</v>
      </c>
      <c r="I5" s="1">
        <v>2251390</v>
      </c>
      <c r="J5" s="1">
        <v>362255</v>
      </c>
      <c r="K5" s="1">
        <v>8431</v>
      </c>
      <c r="L5" s="1">
        <v>3046</v>
      </c>
      <c r="M5" s="1">
        <v>318594</v>
      </c>
      <c r="N5" s="1">
        <v>171201</v>
      </c>
      <c r="O5" s="1">
        <v>9485225</v>
      </c>
      <c r="P5" s="1">
        <v>2803</v>
      </c>
    </row>
    <row r="6" spans="1:18" x14ac:dyDescent="0.7">
      <c r="A6" s="1" t="s">
        <v>34</v>
      </c>
      <c r="B6" s="1">
        <v>914000</v>
      </c>
      <c r="C6" s="1">
        <v>83000</v>
      </c>
      <c r="D6" s="1">
        <v>474000</v>
      </c>
      <c r="E6" s="1">
        <v>357000</v>
      </c>
      <c r="F6" s="1">
        <v>3992</v>
      </c>
      <c r="G6" s="1">
        <v>1.18</v>
      </c>
      <c r="H6" s="1">
        <v>17256</v>
      </c>
      <c r="I6" s="1">
        <v>923812</v>
      </c>
      <c r="J6" s="1">
        <v>117169</v>
      </c>
      <c r="K6" s="1">
        <v>2447</v>
      </c>
      <c r="L6" s="1">
        <v>1068</v>
      </c>
      <c r="M6" s="1">
        <v>323329</v>
      </c>
      <c r="N6" s="1">
        <v>123801</v>
      </c>
      <c r="O6" s="1">
        <v>3530452</v>
      </c>
      <c r="P6" s="1">
        <v>2583</v>
      </c>
      <c r="R6" s="27" t="s">
        <v>125</v>
      </c>
    </row>
    <row r="7" spans="1:18" x14ac:dyDescent="0.7">
      <c r="A7" s="1" t="s">
        <v>35</v>
      </c>
      <c r="B7" s="1">
        <v>1026000</v>
      </c>
      <c r="C7" s="1">
        <v>109000</v>
      </c>
      <c r="D7" s="1">
        <v>556000</v>
      </c>
      <c r="E7" s="1">
        <v>361000</v>
      </c>
      <c r="F7" s="1">
        <v>5674</v>
      </c>
      <c r="G7" s="1">
        <v>1.32</v>
      </c>
      <c r="H7" s="1">
        <v>16883</v>
      </c>
      <c r="I7" s="1">
        <v>1035323</v>
      </c>
      <c r="J7" s="1">
        <v>112791</v>
      </c>
      <c r="K7" s="1">
        <v>3184</v>
      </c>
      <c r="L7" s="1">
        <v>1197</v>
      </c>
      <c r="M7" s="1">
        <v>287329</v>
      </c>
      <c r="N7" s="1">
        <v>155510</v>
      </c>
      <c r="O7" s="1">
        <v>4284158</v>
      </c>
      <c r="P7" s="1">
        <v>2843</v>
      </c>
    </row>
    <row r="8" spans="1:18" x14ac:dyDescent="0.7">
      <c r="A8" s="1" t="s">
        <v>36</v>
      </c>
      <c r="B8" s="1">
        <v>1767000</v>
      </c>
      <c r="C8" s="1">
        <v>190000</v>
      </c>
      <c r="D8" s="1">
        <v>990000</v>
      </c>
      <c r="E8" s="1">
        <v>586000</v>
      </c>
      <c r="F8" s="1">
        <v>9709</v>
      </c>
      <c r="G8" s="1">
        <v>1.27</v>
      </c>
      <c r="H8" s="1">
        <v>27394</v>
      </c>
      <c r="I8" s="1">
        <v>1788951</v>
      </c>
      <c r="J8" s="1">
        <v>245335</v>
      </c>
      <c r="K8" s="1">
        <v>6088</v>
      </c>
      <c r="L8" s="1">
        <v>2561</v>
      </c>
      <c r="M8" s="1">
        <v>423098</v>
      </c>
      <c r="N8" s="1">
        <v>180002</v>
      </c>
      <c r="O8" s="1">
        <v>7828577</v>
      </c>
      <c r="P8" s="1">
        <v>2833</v>
      </c>
    </row>
    <row r="9" spans="1:18" x14ac:dyDescent="0.7">
      <c r="A9" s="1" t="s">
        <v>37</v>
      </c>
      <c r="B9" s="1">
        <v>2825000</v>
      </c>
      <c r="C9" s="1">
        <v>312000</v>
      </c>
      <c r="D9" s="1">
        <v>1647000</v>
      </c>
      <c r="E9" s="1">
        <v>865000</v>
      </c>
      <c r="F9" s="1">
        <v>15905</v>
      </c>
      <c r="G9" s="1">
        <v>1.27</v>
      </c>
      <c r="H9" s="1">
        <v>37256</v>
      </c>
      <c r="I9" s="1">
        <v>2802960</v>
      </c>
      <c r="J9" s="1">
        <v>385760</v>
      </c>
      <c r="K9" s="1">
        <v>10163</v>
      </c>
      <c r="L9" s="1">
        <v>3900</v>
      </c>
      <c r="M9" s="1">
        <v>388892</v>
      </c>
      <c r="N9" s="1">
        <v>90896</v>
      </c>
      <c r="O9" s="1">
        <v>13771281</v>
      </c>
      <c r="P9" s="1">
        <v>3098</v>
      </c>
    </row>
    <row r="10" spans="1:18" x14ac:dyDescent="0.7">
      <c r="A10" s="1" t="s">
        <v>38</v>
      </c>
      <c r="B10" s="1">
        <v>1897000</v>
      </c>
      <c r="C10" s="1">
        <v>210000</v>
      </c>
      <c r="D10" s="1">
        <v>1114000</v>
      </c>
      <c r="E10" s="1">
        <v>573000</v>
      </c>
      <c r="F10" s="1">
        <v>10518</v>
      </c>
      <c r="G10" s="1">
        <v>1.24</v>
      </c>
      <c r="H10" s="1">
        <v>24992</v>
      </c>
      <c r="I10" s="1">
        <v>1891685</v>
      </c>
      <c r="J10" s="1">
        <v>261757</v>
      </c>
      <c r="K10" s="1">
        <v>7154</v>
      </c>
      <c r="L10" s="1">
        <v>2658</v>
      </c>
      <c r="M10" s="1">
        <v>300506</v>
      </c>
      <c r="N10" s="1">
        <v>133443</v>
      </c>
      <c r="O10" s="1">
        <v>8946482</v>
      </c>
      <c r="P10" s="1">
        <v>3132</v>
      </c>
    </row>
    <row r="11" spans="1:18" x14ac:dyDescent="0.7">
      <c r="A11" s="1" t="s">
        <v>39</v>
      </c>
      <c r="B11" s="1">
        <v>1902000</v>
      </c>
      <c r="C11" s="1">
        <v>210000</v>
      </c>
      <c r="D11" s="1">
        <v>1103000</v>
      </c>
      <c r="E11" s="1">
        <v>589000</v>
      </c>
      <c r="F11" s="1">
        <v>10688</v>
      </c>
      <c r="G11" s="1">
        <v>1.32</v>
      </c>
      <c r="H11" s="1">
        <v>26589</v>
      </c>
      <c r="I11" s="1">
        <v>1884909</v>
      </c>
      <c r="J11" s="1">
        <v>260100</v>
      </c>
      <c r="K11" s="1">
        <v>6704</v>
      </c>
      <c r="L11" s="1">
        <v>2765</v>
      </c>
      <c r="M11" s="1">
        <v>226902</v>
      </c>
      <c r="N11" s="1">
        <v>88868</v>
      </c>
      <c r="O11" s="1">
        <v>8653495</v>
      </c>
      <c r="P11" s="1">
        <v>2937</v>
      </c>
    </row>
    <row r="12" spans="1:18" x14ac:dyDescent="0.7">
      <c r="A12" s="1" t="s">
        <v>40</v>
      </c>
      <c r="B12" s="1">
        <v>7331000</v>
      </c>
      <c r="C12" s="1">
        <v>831000</v>
      </c>
      <c r="D12" s="1">
        <v>4489000</v>
      </c>
      <c r="E12" s="1">
        <v>2012000</v>
      </c>
      <c r="F12" s="1">
        <v>43451</v>
      </c>
      <c r="G12" s="1">
        <v>1.17</v>
      </c>
      <c r="H12" s="1">
        <v>82221</v>
      </c>
      <c r="I12" s="1">
        <v>7204956</v>
      </c>
      <c r="J12" s="1">
        <v>1072139</v>
      </c>
      <c r="K12" s="1">
        <v>28823</v>
      </c>
      <c r="L12" s="1">
        <v>10259</v>
      </c>
      <c r="M12" s="1">
        <v>260309</v>
      </c>
      <c r="N12" s="1">
        <v>124582</v>
      </c>
      <c r="O12" s="1">
        <v>22922645</v>
      </c>
      <c r="P12" s="1">
        <v>2890</v>
      </c>
    </row>
    <row r="13" spans="1:18" x14ac:dyDescent="0.7">
      <c r="A13" s="1" t="s">
        <v>41</v>
      </c>
      <c r="B13" s="1">
        <v>6257000</v>
      </c>
      <c r="C13" s="1">
        <v>703000</v>
      </c>
      <c r="D13" s="1">
        <v>3798000</v>
      </c>
      <c r="E13" s="1">
        <v>1756000</v>
      </c>
      <c r="F13" s="1">
        <v>36966</v>
      </c>
      <c r="G13" s="1">
        <v>1.18</v>
      </c>
      <c r="H13" s="1">
        <v>72258</v>
      </c>
      <c r="I13" s="1">
        <v>6166145</v>
      </c>
      <c r="J13" s="1">
        <v>1003440</v>
      </c>
      <c r="K13" s="1">
        <v>24824</v>
      </c>
      <c r="L13" s="1">
        <v>8605</v>
      </c>
      <c r="M13" s="1">
        <v>353301</v>
      </c>
      <c r="N13" s="1">
        <v>28537</v>
      </c>
      <c r="O13" s="1">
        <v>20775634</v>
      </c>
      <c r="P13" s="1">
        <v>2988</v>
      </c>
    </row>
    <row r="14" spans="1:18" x14ac:dyDescent="0.7">
      <c r="A14" s="1" t="s">
        <v>42</v>
      </c>
      <c r="B14" s="1">
        <v>14086000</v>
      </c>
      <c r="C14" s="1">
        <v>1513000</v>
      </c>
      <c r="D14" s="1">
        <v>9368000</v>
      </c>
      <c r="E14" s="1">
        <v>3205000</v>
      </c>
      <c r="F14" s="1">
        <v>91097</v>
      </c>
      <c r="G14" s="1">
        <v>1.04</v>
      </c>
      <c r="H14" s="1">
        <v>139264</v>
      </c>
      <c r="I14" s="1">
        <v>13839178</v>
      </c>
      <c r="J14" s="1">
        <v>3625810</v>
      </c>
      <c r="K14" s="1">
        <v>75179</v>
      </c>
      <c r="L14" s="1">
        <v>19255</v>
      </c>
      <c r="M14" s="1">
        <v>142868</v>
      </c>
      <c r="N14" s="1">
        <v>79895</v>
      </c>
      <c r="O14" s="1">
        <v>109601589</v>
      </c>
      <c r="P14" s="1">
        <v>5214</v>
      </c>
    </row>
    <row r="15" spans="1:18" x14ac:dyDescent="0.7">
      <c r="A15" s="1" t="s">
        <v>43</v>
      </c>
      <c r="B15" s="1">
        <v>9229000</v>
      </c>
      <c r="C15" s="1">
        <v>1031000</v>
      </c>
      <c r="D15" s="1">
        <v>5808000</v>
      </c>
      <c r="E15" s="1">
        <v>2390000</v>
      </c>
      <c r="F15" s="1">
        <v>56498</v>
      </c>
      <c r="G15" s="1">
        <v>1.17</v>
      </c>
      <c r="H15" s="1">
        <v>98821</v>
      </c>
      <c r="I15" s="1">
        <v>9059878</v>
      </c>
      <c r="J15" s="1">
        <v>1650991</v>
      </c>
      <c r="K15" s="1">
        <v>40191</v>
      </c>
      <c r="L15" s="1">
        <v>12797</v>
      </c>
      <c r="M15" s="1">
        <v>147405</v>
      </c>
      <c r="N15" s="1">
        <v>55138</v>
      </c>
      <c r="O15" s="1">
        <v>33905464</v>
      </c>
      <c r="P15" s="1">
        <v>2961</v>
      </c>
    </row>
    <row r="16" spans="1:18" x14ac:dyDescent="0.7">
      <c r="A16" s="1" t="s">
        <v>44</v>
      </c>
      <c r="B16" s="1">
        <v>2126000</v>
      </c>
      <c r="C16" s="1">
        <v>228000</v>
      </c>
      <c r="D16" s="1">
        <v>1179000</v>
      </c>
      <c r="E16" s="1">
        <v>720000</v>
      </c>
      <c r="F16" s="1">
        <v>11732</v>
      </c>
      <c r="G16" s="1">
        <v>1.27</v>
      </c>
      <c r="H16" s="1">
        <v>32313</v>
      </c>
      <c r="I16" s="1">
        <v>2141206</v>
      </c>
      <c r="J16" s="1">
        <v>266182</v>
      </c>
      <c r="K16" s="1">
        <v>6823</v>
      </c>
      <c r="L16" s="1">
        <v>2415</v>
      </c>
      <c r="M16" s="1">
        <v>455009</v>
      </c>
      <c r="N16" s="1">
        <v>316891</v>
      </c>
      <c r="O16" s="1">
        <v>8857506</v>
      </c>
      <c r="P16" s="1">
        <v>2784</v>
      </c>
    </row>
    <row r="17" spans="1:16" x14ac:dyDescent="0.7">
      <c r="A17" s="1" t="s">
        <v>45</v>
      </c>
      <c r="B17" s="1">
        <v>1007000</v>
      </c>
      <c r="C17" s="1">
        <v>108000</v>
      </c>
      <c r="D17" s="1">
        <v>566000</v>
      </c>
      <c r="E17" s="1">
        <v>333000</v>
      </c>
      <c r="F17" s="1">
        <v>6022</v>
      </c>
      <c r="G17" s="1">
        <v>1.46</v>
      </c>
      <c r="H17" s="1">
        <v>15052</v>
      </c>
      <c r="I17" s="1">
        <v>1007734</v>
      </c>
      <c r="J17" s="1">
        <v>119523</v>
      </c>
      <c r="K17" s="1">
        <v>3496</v>
      </c>
      <c r="L17" s="1">
        <v>1074</v>
      </c>
      <c r="M17" s="1">
        <v>184223</v>
      </c>
      <c r="N17" s="1">
        <v>125554</v>
      </c>
      <c r="O17" s="1">
        <v>4729874</v>
      </c>
      <c r="P17" s="1">
        <v>3120</v>
      </c>
    </row>
    <row r="18" spans="1:16" x14ac:dyDescent="0.7">
      <c r="A18" s="1" t="s">
        <v>46</v>
      </c>
      <c r="B18" s="1">
        <v>1109000</v>
      </c>
      <c r="C18" s="1">
        <v>128000</v>
      </c>
      <c r="D18" s="1">
        <v>643000</v>
      </c>
      <c r="E18" s="1">
        <v>338000</v>
      </c>
      <c r="F18" s="1">
        <v>7075</v>
      </c>
      <c r="G18" s="1">
        <v>1.38</v>
      </c>
      <c r="H18" s="1">
        <v>14316</v>
      </c>
      <c r="I18" s="1">
        <v>1097311</v>
      </c>
      <c r="J18" s="1">
        <v>162531</v>
      </c>
      <c r="K18" s="1">
        <v>4214</v>
      </c>
      <c r="L18" s="1">
        <v>1255</v>
      </c>
      <c r="M18" s="1">
        <v>139463</v>
      </c>
      <c r="N18" s="1">
        <v>52564</v>
      </c>
      <c r="O18" s="1">
        <v>4527743</v>
      </c>
      <c r="P18" s="1">
        <v>2770</v>
      </c>
    </row>
    <row r="19" spans="1:16" x14ac:dyDescent="0.7">
      <c r="A19" s="1" t="s">
        <v>47</v>
      </c>
      <c r="B19" s="1">
        <v>744000</v>
      </c>
      <c r="C19" s="1">
        <v>89000</v>
      </c>
      <c r="D19" s="1">
        <v>421000</v>
      </c>
      <c r="E19" s="1">
        <v>235000</v>
      </c>
      <c r="F19" s="1">
        <v>4861</v>
      </c>
      <c r="G19" s="1">
        <v>1.5</v>
      </c>
      <c r="H19" s="1">
        <v>10519</v>
      </c>
      <c r="I19" s="1">
        <v>746456</v>
      </c>
      <c r="J19" s="1">
        <v>86282</v>
      </c>
      <c r="K19" s="1">
        <v>2815</v>
      </c>
      <c r="L19" s="1">
        <v>850</v>
      </c>
      <c r="M19" s="1">
        <v>107730</v>
      </c>
      <c r="N19" s="1">
        <v>61912</v>
      </c>
      <c r="O19" s="1">
        <v>3571069</v>
      </c>
      <c r="P19" s="1">
        <v>3182</v>
      </c>
    </row>
    <row r="20" spans="1:16" x14ac:dyDescent="0.7">
      <c r="A20" s="1" t="s">
        <v>48</v>
      </c>
      <c r="B20" s="1">
        <v>796000</v>
      </c>
      <c r="C20" s="1">
        <v>87000</v>
      </c>
      <c r="D20" s="1">
        <v>456000</v>
      </c>
      <c r="E20" s="1">
        <v>253000</v>
      </c>
      <c r="F20" s="1">
        <v>4759</v>
      </c>
      <c r="G20" s="1">
        <v>1.4</v>
      </c>
      <c r="H20" s="1">
        <v>11090</v>
      </c>
      <c r="I20" s="1">
        <v>789586</v>
      </c>
      <c r="J20" s="1">
        <v>110192</v>
      </c>
      <c r="K20" s="1">
        <v>2875</v>
      </c>
      <c r="L20" s="1">
        <v>1128</v>
      </c>
      <c r="M20" s="1">
        <v>95310</v>
      </c>
      <c r="N20" s="1">
        <v>121207</v>
      </c>
      <c r="O20" s="1">
        <v>3552685</v>
      </c>
      <c r="P20" s="1">
        <v>2982</v>
      </c>
    </row>
    <row r="21" spans="1:16" x14ac:dyDescent="0.7">
      <c r="A21" s="1" t="s">
        <v>49</v>
      </c>
      <c r="B21" s="1">
        <v>2004000</v>
      </c>
      <c r="C21" s="1">
        <v>228000</v>
      </c>
      <c r="D21" s="1">
        <v>1120000</v>
      </c>
      <c r="E21" s="1">
        <v>655000</v>
      </c>
      <c r="F21" s="1">
        <v>12143</v>
      </c>
      <c r="G21" s="1">
        <v>1.43</v>
      </c>
      <c r="H21" s="1">
        <v>28503</v>
      </c>
      <c r="I21" s="1">
        <v>1998549</v>
      </c>
      <c r="J21" s="1">
        <v>257508</v>
      </c>
      <c r="K21" s="1">
        <v>7288</v>
      </c>
      <c r="L21" s="1">
        <v>2559</v>
      </c>
      <c r="M21" s="1">
        <v>324893</v>
      </c>
      <c r="N21" s="1">
        <v>277994</v>
      </c>
      <c r="O21" s="1">
        <v>8214074</v>
      </c>
      <c r="P21" s="1">
        <v>2788</v>
      </c>
    </row>
    <row r="22" spans="1:16" x14ac:dyDescent="0.7">
      <c r="A22" s="1" t="s">
        <v>50</v>
      </c>
      <c r="B22" s="1">
        <v>1931000</v>
      </c>
      <c r="C22" s="1">
        <v>224000</v>
      </c>
      <c r="D22" s="1">
        <v>1104000</v>
      </c>
      <c r="E22" s="1">
        <v>603000</v>
      </c>
      <c r="F22" s="1">
        <v>11124</v>
      </c>
      <c r="G22" s="1">
        <v>1.36</v>
      </c>
      <c r="H22" s="1">
        <v>26175</v>
      </c>
      <c r="I22" s="1">
        <v>1937236</v>
      </c>
      <c r="J22" s="1">
        <v>228715</v>
      </c>
      <c r="K22" s="1">
        <v>6525</v>
      </c>
      <c r="L22" s="1">
        <v>2565</v>
      </c>
      <c r="M22" s="1">
        <v>221063</v>
      </c>
      <c r="N22" s="1">
        <v>195093</v>
      </c>
      <c r="O22" s="1">
        <v>7662998</v>
      </c>
      <c r="P22" s="1">
        <v>2875</v>
      </c>
    </row>
    <row r="23" spans="1:16" x14ac:dyDescent="0.7">
      <c r="A23" s="1" t="s">
        <v>51</v>
      </c>
      <c r="B23" s="1">
        <v>3555000</v>
      </c>
      <c r="C23" s="1">
        <v>404000</v>
      </c>
      <c r="D23" s="1">
        <v>2050000</v>
      </c>
      <c r="E23" s="1">
        <v>1101000</v>
      </c>
      <c r="F23" s="1">
        <v>20575</v>
      </c>
      <c r="G23" s="1">
        <v>1.33</v>
      </c>
      <c r="H23" s="1">
        <v>47334</v>
      </c>
      <c r="I23" s="1">
        <v>3551043</v>
      </c>
      <c r="J23" s="1">
        <v>472201</v>
      </c>
      <c r="K23" s="1">
        <v>13127</v>
      </c>
      <c r="L23" s="1">
        <v>4957</v>
      </c>
      <c r="M23" s="1">
        <v>277443</v>
      </c>
      <c r="N23" s="1">
        <v>84045</v>
      </c>
      <c r="O23" s="1">
        <v>17105232</v>
      </c>
      <c r="P23" s="1">
        <v>3110</v>
      </c>
    </row>
    <row r="24" spans="1:16" x14ac:dyDescent="0.7">
      <c r="A24" s="1" t="s">
        <v>52</v>
      </c>
      <c r="B24" s="1">
        <v>7477000</v>
      </c>
      <c r="C24" s="1">
        <v>927000</v>
      </c>
      <c r="D24" s="1">
        <v>4627000</v>
      </c>
      <c r="E24" s="1">
        <v>1923000</v>
      </c>
      <c r="F24" s="1">
        <v>51152</v>
      </c>
      <c r="G24" s="1">
        <v>1.35</v>
      </c>
      <c r="H24" s="1">
        <v>81183</v>
      </c>
      <c r="I24" s="1">
        <v>7412091</v>
      </c>
      <c r="J24" s="1">
        <v>1175221</v>
      </c>
      <c r="K24" s="1">
        <v>33434</v>
      </c>
      <c r="L24" s="1">
        <v>11061</v>
      </c>
      <c r="M24" s="1">
        <v>299578</v>
      </c>
      <c r="N24" s="1">
        <v>88881</v>
      </c>
      <c r="O24" s="1">
        <v>39659291</v>
      </c>
      <c r="P24" s="1">
        <v>3428</v>
      </c>
    </row>
    <row r="25" spans="1:16" x14ac:dyDescent="0.7">
      <c r="A25" s="1" t="s">
        <v>53</v>
      </c>
      <c r="B25" s="1">
        <v>1727000</v>
      </c>
      <c r="C25" s="1">
        <v>198000</v>
      </c>
      <c r="D25" s="1">
        <v>999000</v>
      </c>
      <c r="E25" s="1">
        <v>529000</v>
      </c>
      <c r="F25" s="1">
        <v>10489</v>
      </c>
      <c r="G25" s="1">
        <v>1.4</v>
      </c>
      <c r="H25" s="1">
        <v>23341</v>
      </c>
      <c r="I25" s="1">
        <v>1728038</v>
      </c>
      <c r="J25" s="1">
        <v>244698</v>
      </c>
      <c r="K25" s="1">
        <v>6443</v>
      </c>
      <c r="L25" s="1">
        <v>2481</v>
      </c>
      <c r="M25" s="1">
        <v>206414</v>
      </c>
      <c r="N25" s="1">
        <v>208477</v>
      </c>
      <c r="O25" s="1">
        <v>8273134</v>
      </c>
      <c r="P25" s="1">
        <v>2948</v>
      </c>
    </row>
    <row r="26" spans="1:16" x14ac:dyDescent="0.7">
      <c r="A26" s="1" t="s">
        <v>54</v>
      </c>
      <c r="B26" s="1">
        <v>1407000</v>
      </c>
      <c r="C26" s="1">
        <v>182000</v>
      </c>
      <c r="D26" s="1">
        <v>844000</v>
      </c>
      <c r="E26" s="1">
        <v>380000</v>
      </c>
      <c r="F26" s="1">
        <v>9766</v>
      </c>
      <c r="G26" s="1">
        <v>1.43</v>
      </c>
      <c r="H26" s="1">
        <v>15043</v>
      </c>
      <c r="I26" s="1">
        <v>1391113</v>
      </c>
      <c r="J26" s="1">
        <v>182011</v>
      </c>
      <c r="K26" s="1">
        <v>5642</v>
      </c>
      <c r="L26" s="1">
        <v>1836</v>
      </c>
      <c r="M26" s="1">
        <v>129957</v>
      </c>
      <c r="N26" s="1">
        <v>149957</v>
      </c>
      <c r="O26" s="1">
        <v>6739736</v>
      </c>
      <c r="P26" s="1">
        <v>3097</v>
      </c>
    </row>
    <row r="27" spans="1:16" x14ac:dyDescent="0.7">
      <c r="A27" s="1" t="s">
        <v>55</v>
      </c>
      <c r="B27" s="1">
        <v>2535000</v>
      </c>
      <c r="C27" s="1">
        <v>275000</v>
      </c>
      <c r="D27" s="1">
        <v>1507000</v>
      </c>
      <c r="E27" s="1">
        <v>753000</v>
      </c>
      <c r="F27" s="1">
        <v>15068</v>
      </c>
      <c r="G27" s="1">
        <v>1.18</v>
      </c>
      <c r="H27" s="1">
        <v>31491</v>
      </c>
      <c r="I27" s="1">
        <v>2523758</v>
      </c>
      <c r="J27" s="1">
        <v>489815</v>
      </c>
      <c r="K27" s="1">
        <v>9571</v>
      </c>
      <c r="L27" s="1">
        <v>3514</v>
      </c>
      <c r="M27" s="1">
        <v>117729</v>
      </c>
      <c r="N27" s="1">
        <v>94896</v>
      </c>
      <c r="O27" s="1">
        <v>10167991</v>
      </c>
      <c r="P27" s="1">
        <v>2745</v>
      </c>
    </row>
    <row r="28" spans="1:16" x14ac:dyDescent="0.7">
      <c r="A28" s="1" t="s">
        <v>56</v>
      </c>
      <c r="B28" s="1">
        <v>8763000</v>
      </c>
      <c r="C28" s="1">
        <v>984000</v>
      </c>
      <c r="D28" s="1">
        <v>5355000</v>
      </c>
      <c r="E28" s="1">
        <v>2424000</v>
      </c>
      <c r="F28" s="1">
        <v>57315</v>
      </c>
      <c r="G28" s="1">
        <v>1.22</v>
      </c>
      <c r="H28" s="1">
        <v>106277</v>
      </c>
      <c r="I28" s="1">
        <v>8659723</v>
      </c>
      <c r="J28" s="1">
        <v>1727107</v>
      </c>
      <c r="K28" s="1">
        <v>40362</v>
      </c>
      <c r="L28" s="1">
        <v>14462</v>
      </c>
      <c r="M28" s="1">
        <v>133407</v>
      </c>
      <c r="N28" s="1">
        <v>20039</v>
      </c>
      <c r="O28" s="1">
        <v>39720316</v>
      </c>
      <c r="P28" s="1">
        <v>2830</v>
      </c>
    </row>
    <row r="29" spans="1:16" x14ac:dyDescent="0.7">
      <c r="A29" s="1" t="s">
        <v>57</v>
      </c>
      <c r="B29" s="1">
        <v>5370000</v>
      </c>
      <c r="C29" s="1">
        <v>629000</v>
      </c>
      <c r="D29" s="1">
        <v>3132000</v>
      </c>
      <c r="E29" s="1">
        <v>1609000</v>
      </c>
      <c r="F29" s="1">
        <v>33565</v>
      </c>
      <c r="G29" s="1">
        <v>1.31</v>
      </c>
      <c r="H29" s="1">
        <v>66541</v>
      </c>
      <c r="I29" s="1">
        <v>5355504</v>
      </c>
      <c r="J29" s="1">
        <v>862511</v>
      </c>
      <c r="K29" s="1">
        <v>20844</v>
      </c>
      <c r="L29" s="1">
        <v>7902</v>
      </c>
      <c r="M29" s="1">
        <v>276947</v>
      </c>
      <c r="N29" s="1">
        <v>166081</v>
      </c>
      <c r="O29" s="1">
        <v>21735871</v>
      </c>
      <c r="P29" s="1">
        <v>2887</v>
      </c>
    </row>
    <row r="30" spans="1:16" x14ac:dyDescent="0.7">
      <c r="A30" s="1" t="s">
        <v>58</v>
      </c>
      <c r="B30" s="1">
        <v>1296000</v>
      </c>
      <c r="C30" s="1">
        <v>145000</v>
      </c>
      <c r="D30" s="1">
        <v>728000</v>
      </c>
      <c r="E30" s="1">
        <v>423000</v>
      </c>
      <c r="F30" s="1">
        <v>7315</v>
      </c>
      <c r="G30" s="1">
        <v>1.25</v>
      </c>
      <c r="H30" s="1">
        <v>17166</v>
      </c>
      <c r="I30" s="1">
        <v>1292985</v>
      </c>
      <c r="J30" s="1">
        <v>159204</v>
      </c>
      <c r="K30" s="1">
        <v>4205</v>
      </c>
      <c r="L30" s="1">
        <v>1780</v>
      </c>
      <c r="M30" s="1">
        <v>85389</v>
      </c>
      <c r="N30" s="1">
        <v>63328</v>
      </c>
      <c r="O30" s="1">
        <v>3685868</v>
      </c>
      <c r="P30" s="1">
        <v>2501</v>
      </c>
    </row>
    <row r="31" spans="1:16" x14ac:dyDescent="0.7">
      <c r="A31" s="1" t="s">
        <v>59</v>
      </c>
      <c r="B31" s="1">
        <v>892000</v>
      </c>
      <c r="C31" s="1">
        <v>99000</v>
      </c>
      <c r="D31" s="1">
        <v>488000</v>
      </c>
      <c r="E31" s="1">
        <v>305000</v>
      </c>
      <c r="F31" s="1">
        <v>5238</v>
      </c>
      <c r="G31" s="1">
        <v>1.39</v>
      </c>
      <c r="H31" s="1">
        <v>14308</v>
      </c>
      <c r="I31" s="1">
        <v>896425</v>
      </c>
      <c r="J31" s="1">
        <v>127908</v>
      </c>
      <c r="K31" s="1">
        <v>3193</v>
      </c>
      <c r="L31" s="1">
        <v>1386</v>
      </c>
      <c r="M31" s="1">
        <v>112339</v>
      </c>
      <c r="N31" s="1">
        <v>60296</v>
      </c>
      <c r="O31" s="1">
        <v>3625091</v>
      </c>
      <c r="P31" s="1">
        <v>2751</v>
      </c>
    </row>
    <row r="32" spans="1:16" x14ac:dyDescent="0.7">
      <c r="A32" s="1" t="s">
        <v>60</v>
      </c>
      <c r="B32" s="1">
        <v>537000</v>
      </c>
      <c r="C32" s="1">
        <v>65000</v>
      </c>
      <c r="D32" s="1">
        <v>294000</v>
      </c>
      <c r="E32" s="1">
        <v>179000</v>
      </c>
      <c r="F32" s="1">
        <v>3752</v>
      </c>
      <c r="G32" s="1">
        <v>1.6</v>
      </c>
      <c r="H32" s="1">
        <v>8031</v>
      </c>
      <c r="I32" s="1">
        <v>535393</v>
      </c>
      <c r="J32" s="1">
        <v>70641</v>
      </c>
      <c r="K32" s="1">
        <v>1981</v>
      </c>
      <c r="L32" s="1">
        <v>763</v>
      </c>
      <c r="M32" s="1">
        <v>90422</v>
      </c>
      <c r="N32" s="1">
        <v>49061</v>
      </c>
      <c r="O32" s="1">
        <v>1819938</v>
      </c>
      <c r="P32" s="1">
        <v>2313</v>
      </c>
    </row>
    <row r="33" spans="1:16" x14ac:dyDescent="0.7">
      <c r="A33" s="1" t="s">
        <v>61</v>
      </c>
      <c r="B33" s="1">
        <v>650000</v>
      </c>
      <c r="C33" s="1">
        <v>77000</v>
      </c>
      <c r="D33" s="1">
        <v>346000</v>
      </c>
      <c r="E33" s="1">
        <v>227000</v>
      </c>
      <c r="F33" s="1">
        <v>4161</v>
      </c>
      <c r="G33" s="1">
        <v>1.57</v>
      </c>
      <c r="H33" s="1">
        <v>10434</v>
      </c>
      <c r="I33" s="1">
        <v>645246</v>
      </c>
      <c r="J33" s="1">
        <v>89036</v>
      </c>
      <c r="K33" s="1">
        <v>2167</v>
      </c>
      <c r="L33" s="1">
        <v>813</v>
      </c>
      <c r="M33" s="1">
        <v>127081</v>
      </c>
      <c r="N33" s="1">
        <v>40240</v>
      </c>
      <c r="O33" s="1">
        <v>2575687</v>
      </c>
      <c r="P33" s="1">
        <v>2768</v>
      </c>
    </row>
    <row r="34" spans="1:16" x14ac:dyDescent="0.7">
      <c r="A34" s="1" t="s">
        <v>62</v>
      </c>
      <c r="B34" s="1">
        <v>1847000</v>
      </c>
      <c r="C34" s="1">
        <v>220000</v>
      </c>
      <c r="D34" s="1">
        <v>1054000</v>
      </c>
      <c r="E34" s="1">
        <v>573000</v>
      </c>
      <c r="F34" s="1">
        <v>12371</v>
      </c>
      <c r="G34" s="1">
        <v>1.39</v>
      </c>
      <c r="H34" s="1">
        <v>24901</v>
      </c>
      <c r="I34" s="1">
        <v>1836335</v>
      </c>
      <c r="J34" s="1">
        <v>284926</v>
      </c>
      <c r="K34" s="1">
        <v>7399</v>
      </c>
      <c r="L34" s="1">
        <v>2787</v>
      </c>
      <c r="M34" s="1">
        <v>222854</v>
      </c>
      <c r="N34" s="1">
        <v>80664</v>
      </c>
      <c r="O34" s="1">
        <v>7606440</v>
      </c>
      <c r="P34" s="1">
        <v>2665</v>
      </c>
    </row>
    <row r="35" spans="1:16" x14ac:dyDescent="0.7">
      <c r="A35" s="1" t="s">
        <v>63</v>
      </c>
      <c r="B35" s="1">
        <v>2738000</v>
      </c>
      <c r="C35" s="1">
        <v>331000</v>
      </c>
      <c r="D35" s="1">
        <v>1582000</v>
      </c>
      <c r="E35" s="1">
        <v>825000</v>
      </c>
      <c r="F35" s="1">
        <v>17903</v>
      </c>
      <c r="G35" s="1">
        <v>1.4</v>
      </c>
      <c r="H35" s="1">
        <v>34940</v>
      </c>
      <c r="I35" s="1">
        <v>2725202</v>
      </c>
      <c r="J35" s="1">
        <v>462961</v>
      </c>
      <c r="K35" s="1">
        <v>10883</v>
      </c>
      <c r="L35" s="1">
        <v>3962</v>
      </c>
      <c r="M35" s="1">
        <v>229802</v>
      </c>
      <c r="N35" s="1">
        <v>37857</v>
      </c>
      <c r="O35" s="1">
        <v>11555366</v>
      </c>
      <c r="P35" s="1">
        <v>2969</v>
      </c>
    </row>
    <row r="36" spans="1:16" x14ac:dyDescent="0.7">
      <c r="A36" s="1" t="s">
        <v>64</v>
      </c>
      <c r="B36" s="1">
        <v>1298000</v>
      </c>
      <c r="C36" s="1">
        <v>143000</v>
      </c>
      <c r="D36" s="1">
        <v>696000</v>
      </c>
      <c r="E36" s="1">
        <v>459000</v>
      </c>
      <c r="F36" s="1">
        <v>7762</v>
      </c>
      <c r="G36" s="1">
        <v>1.47</v>
      </c>
      <c r="H36" s="1">
        <v>20687</v>
      </c>
      <c r="I36" s="1">
        <v>1293822</v>
      </c>
      <c r="J36" s="1">
        <v>218208</v>
      </c>
      <c r="K36" s="1">
        <v>4593</v>
      </c>
      <c r="L36" s="1">
        <v>1757</v>
      </c>
      <c r="M36" s="1">
        <v>171523</v>
      </c>
      <c r="N36" s="1">
        <v>42971</v>
      </c>
      <c r="O36" s="1">
        <v>6148146</v>
      </c>
      <c r="P36" s="1">
        <v>2960</v>
      </c>
    </row>
    <row r="37" spans="1:16" x14ac:dyDescent="0.7">
      <c r="A37" s="1" t="s">
        <v>65</v>
      </c>
      <c r="B37" s="1">
        <v>695000</v>
      </c>
      <c r="C37" s="1">
        <v>74000</v>
      </c>
      <c r="D37" s="1">
        <v>376000</v>
      </c>
      <c r="E37" s="1">
        <v>246000</v>
      </c>
      <c r="F37" s="1">
        <v>4148</v>
      </c>
      <c r="G37" s="1">
        <v>1.42</v>
      </c>
      <c r="H37" s="1">
        <v>10968</v>
      </c>
      <c r="I37" s="1">
        <v>693391</v>
      </c>
      <c r="J37" s="1">
        <v>109570</v>
      </c>
      <c r="K37" s="1">
        <v>2375</v>
      </c>
      <c r="L37" s="1">
        <v>1008</v>
      </c>
      <c r="M37" s="1">
        <v>101628</v>
      </c>
      <c r="N37" s="1">
        <v>38706</v>
      </c>
      <c r="O37" s="1">
        <v>3185168</v>
      </c>
      <c r="P37" s="1">
        <v>3013</v>
      </c>
    </row>
    <row r="38" spans="1:16" x14ac:dyDescent="0.7">
      <c r="A38" s="1" t="s">
        <v>66</v>
      </c>
      <c r="B38" s="1">
        <v>926000</v>
      </c>
      <c r="C38" s="1">
        <v>107000</v>
      </c>
      <c r="D38" s="1">
        <v>517000</v>
      </c>
      <c r="E38" s="1">
        <v>301000</v>
      </c>
      <c r="F38" s="1">
        <v>5802</v>
      </c>
      <c r="G38" s="1">
        <v>1.45</v>
      </c>
      <c r="H38" s="1">
        <v>13552</v>
      </c>
      <c r="I38" s="1">
        <v>920852</v>
      </c>
      <c r="J38" s="1">
        <v>139818</v>
      </c>
      <c r="K38" s="1">
        <v>3435</v>
      </c>
      <c r="L38" s="1">
        <v>1472</v>
      </c>
      <c r="M38" s="1">
        <v>100503</v>
      </c>
      <c r="N38" s="1">
        <v>20534</v>
      </c>
      <c r="O38" s="1">
        <v>3734443</v>
      </c>
      <c r="P38" s="1">
        <v>2766</v>
      </c>
    </row>
    <row r="39" spans="1:16" x14ac:dyDescent="0.7">
      <c r="A39" s="1" t="s">
        <v>67</v>
      </c>
      <c r="B39" s="1">
        <v>1291000</v>
      </c>
      <c r="C39" s="1">
        <v>143000</v>
      </c>
      <c r="D39" s="1">
        <v>707000</v>
      </c>
      <c r="E39" s="1">
        <v>441000</v>
      </c>
      <c r="F39" s="1">
        <v>7572</v>
      </c>
      <c r="G39" s="1">
        <v>1.39</v>
      </c>
      <c r="H39" s="1">
        <v>19993</v>
      </c>
      <c r="I39" s="1">
        <v>1295030</v>
      </c>
      <c r="J39" s="1">
        <v>224773</v>
      </c>
      <c r="K39" s="1">
        <v>4477</v>
      </c>
      <c r="L39" s="1">
        <v>1928</v>
      </c>
      <c r="M39" s="1">
        <v>166574</v>
      </c>
      <c r="N39" s="1">
        <v>41121</v>
      </c>
      <c r="O39" s="1">
        <v>4827460</v>
      </c>
      <c r="P39" s="1">
        <v>2471</v>
      </c>
    </row>
    <row r="40" spans="1:16" x14ac:dyDescent="0.7">
      <c r="A40" s="1" t="s">
        <v>68</v>
      </c>
      <c r="B40" s="1">
        <v>666000</v>
      </c>
      <c r="C40" s="1">
        <v>70000</v>
      </c>
      <c r="D40" s="1">
        <v>355000</v>
      </c>
      <c r="E40" s="1">
        <v>242000</v>
      </c>
      <c r="F40" s="1">
        <v>3721</v>
      </c>
      <c r="G40" s="1">
        <v>1.36</v>
      </c>
      <c r="H40" s="1">
        <v>11472</v>
      </c>
      <c r="I40" s="1">
        <v>663963</v>
      </c>
      <c r="J40" s="1">
        <v>122867</v>
      </c>
      <c r="K40" s="1">
        <v>2189</v>
      </c>
      <c r="L40" s="1">
        <v>1065</v>
      </c>
      <c r="M40" s="1">
        <v>115994</v>
      </c>
      <c r="N40" s="1">
        <v>47504</v>
      </c>
      <c r="O40" s="1">
        <v>2354276</v>
      </c>
      <c r="P40" s="1">
        <v>2491</v>
      </c>
    </row>
    <row r="41" spans="1:16" x14ac:dyDescent="0.7">
      <c r="A41" s="1" t="s">
        <v>69</v>
      </c>
      <c r="B41" s="1">
        <v>5103000</v>
      </c>
      <c r="C41" s="1">
        <v>644000</v>
      </c>
      <c r="D41" s="1">
        <v>3007000</v>
      </c>
      <c r="E41" s="1">
        <v>1452000</v>
      </c>
      <c r="F41" s="1">
        <v>35970</v>
      </c>
      <c r="G41" s="1">
        <v>1.33</v>
      </c>
      <c r="H41" s="1">
        <v>61302</v>
      </c>
      <c r="I41" s="1">
        <v>4986247</v>
      </c>
      <c r="J41" s="1">
        <v>942993</v>
      </c>
      <c r="K41" s="1">
        <v>21840</v>
      </c>
      <c r="L41" s="1">
        <v>8444</v>
      </c>
      <c r="M41" s="1">
        <v>276452</v>
      </c>
      <c r="N41" s="1">
        <v>88101</v>
      </c>
      <c r="O41" s="1">
        <v>18886929</v>
      </c>
      <c r="P41" s="1">
        <v>2630</v>
      </c>
    </row>
    <row r="42" spans="1:16" x14ac:dyDescent="0.7">
      <c r="A42" s="1" t="s">
        <v>70</v>
      </c>
      <c r="B42" s="1">
        <v>795000</v>
      </c>
      <c r="C42" s="1">
        <v>103000</v>
      </c>
      <c r="D42" s="1">
        <v>440000</v>
      </c>
      <c r="E42" s="1">
        <v>252000</v>
      </c>
      <c r="F42" s="1">
        <v>5552</v>
      </c>
      <c r="G42" s="1">
        <v>1.53</v>
      </c>
      <c r="H42" s="1">
        <v>11204</v>
      </c>
      <c r="I42" s="1">
        <v>781601</v>
      </c>
      <c r="J42" s="1">
        <v>94280</v>
      </c>
      <c r="K42" s="1">
        <v>2951</v>
      </c>
      <c r="L42" s="1">
        <v>1041</v>
      </c>
      <c r="M42" s="1">
        <v>133458</v>
      </c>
      <c r="N42" s="1">
        <v>26884</v>
      </c>
      <c r="O42" s="1">
        <v>3045909</v>
      </c>
      <c r="P42" s="1">
        <v>2575</v>
      </c>
    </row>
    <row r="43" spans="1:16" x14ac:dyDescent="0.7">
      <c r="A43" s="1" t="s">
        <v>71</v>
      </c>
      <c r="B43" s="1">
        <v>1267000</v>
      </c>
      <c r="C43" s="1">
        <v>153000</v>
      </c>
      <c r="D43" s="1">
        <v>679000</v>
      </c>
      <c r="E43" s="1">
        <v>435000</v>
      </c>
      <c r="F43" s="1">
        <v>8364</v>
      </c>
      <c r="G43" s="1">
        <v>1.57</v>
      </c>
      <c r="H43" s="1">
        <v>19309</v>
      </c>
      <c r="I43" s="1">
        <v>1259784</v>
      </c>
      <c r="J43" s="1">
        <v>191470</v>
      </c>
      <c r="K43" s="1">
        <v>4410</v>
      </c>
      <c r="L43" s="1">
        <v>1751</v>
      </c>
      <c r="M43" s="1">
        <v>166804</v>
      </c>
      <c r="N43" s="1">
        <v>74091</v>
      </c>
      <c r="O43" s="1">
        <v>4538708</v>
      </c>
      <c r="P43" s="1">
        <v>2483</v>
      </c>
    </row>
    <row r="44" spans="1:16" x14ac:dyDescent="0.7">
      <c r="A44" s="1" t="s">
        <v>72</v>
      </c>
      <c r="B44" s="1">
        <v>1709000</v>
      </c>
      <c r="C44" s="1">
        <v>219000</v>
      </c>
      <c r="D44" s="1">
        <v>938000</v>
      </c>
      <c r="E44" s="1">
        <v>552000</v>
      </c>
      <c r="F44" s="1">
        <v>11875</v>
      </c>
      <c r="G44" s="1">
        <v>1.52</v>
      </c>
      <c r="H44" s="1">
        <v>24427</v>
      </c>
      <c r="I44" s="1">
        <v>1678793</v>
      </c>
      <c r="J44" s="1">
        <v>242940</v>
      </c>
      <c r="K44" s="1">
        <v>6349</v>
      </c>
      <c r="L44" s="1">
        <v>2482</v>
      </c>
      <c r="M44" s="1">
        <v>274668</v>
      </c>
      <c r="N44" s="1">
        <v>155636</v>
      </c>
      <c r="O44" s="1">
        <v>6105086</v>
      </c>
      <c r="P44" s="1">
        <v>2498</v>
      </c>
    </row>
    <row r="45" spans="1:16" x14ac:dyDescent="0.7">
      <c r="A45" s="1" t="s">
        <v>73</v>
      </c>
      <c r="B45" s="1">
        <v>1096000</v>
      </c>
      <c r="C45" s="1">
        <v>127000</v>
      </c>
      <c r="D45" s="1">
        <v>594000</v>
      </c>
      <c r="E45" s="1">
        <v>375000</v>
      </c>
      <c r="F45" s="1">
        <v>6798</v>
      </c>
      <c r="G45" s="1">
        <v>1.49</v>
      </c>
      <c r="H45" s="1">
        <v>16266</v>
      </c>
      <c r="I45" s="1">
        <v>1082266</v>
      </c>
      <c r="J45" s="1">
        <v>175329</v>
      </c>
      <c r="K45" s="1">
        <v>4037</v>
      </c>
      <c r="L45" s="1">
        <v>1635</v>
      </c>
      <c r="M45" s="1">
        <v>179505</v>
      </c>
      <c r="N45" s="1">
        <v>174730</v>
      </c>
      <c r="O45" s="1">
        <v>4458030</v>
      </c>
      <c r="P45" s="1">
        <v>2604</v>
      </c>
    </row>
    <row r="46" spans="1:16" x14ac:dyDescent="0.7">
      <c r="A46" s="1" t="s">
        <v>74</v>
      </c>
      <c r="B46" s="1">
        <v>1042000</v>
      </c>
      <c r="C46" s="1">
        <v>133000</v>
      </c>
      <c r="D46" s="1">
        <v>559000</v>
      </c>
      <c r="E46" s="1">
        <v>351000</v>
      </c>
      <c r="F46" s="1">
        <v>7136</v>
      </c>
      <c r="G46" s="1">
        <v>1.63</v>
      </c>
      <c r="H46" s="1">
        <v>16111</v>
      </c>
      <c r="I46" s="1">
        <v>1030106</v>
      </c>
      <c r="J46" s="1">
        <v>167776</v>
      </c>
      <c r="K46" s="1">
        <v>3805</v>
      </c>
      <c r="L46" s="1">
        <v>1759</v>
      </c>
      <c r="M46" s="1">
        <v>187508</v>
      </c>
      <c r="N46" s="1">
        <v>91919</v>
      </c>
      <c r="O46" s="1">
        <v>3602456</v>
      </c>
      <c r="P46" s="1">
        <v>2289</v>
      </c>
    </row>
    <row r="47" spans="1:16" x14ac:dyDescent="0.7">
      <c r="A47" s="1" t="s">
        <v>75</v>
      </c>
      <c r="B47" s="1">
        <v>1549000</v>
      </c>
      <c r="C47" s="1">
        <v>197000</v>
      </c>
      <c r="D47" s="1">
        <v>828000</v>
      </c>
      <c r="E47" s="1">
        <v>524000</v>
      </c>
      <c r="F47" s="1">
        <v>10540</v>
      </c>
      <c r="G47" s="1">
        <v>1.54</v>
      </c>
      <c r="H47" s="1">
        <v>23925</v>
      </c>
      <c r="I47" s="1">
        <v>1528471</v>
      </c>
      <c r="J47" s="1">
        <v>282664</v>
      </c>
      <c r="K47" s="1">
        <v>5619</v>
      </c>
      <c r="L47" s="1">
        <v>2455</v>
      </c>
      <c r="M47" s="1">
        <v>328724</v>
      </c>
      <c r="N47" s="1">
        <v>127358</v>
      </c>
      <c r="O47" s="1">
        <v>5610271</v>
      </c>
      <c r="P47" s="1">
        <v>2408</v>
      </c>
    </row>
    <row r="48" spans="1:16" x14ac:dyDescent="0.7">
      <c r="A48" s="1" t="s">
        <v>76</v>
      </c>
      <c r="B48" s="1">
        <v>1468000</v>
      </c>
      <c r="C48" s="1">
        <v>236000</v>
      </c>
      <c r="D48" s="1">
        <v>882000</v>
      </c>
      <c r="E48" s="1">
        <v>350000</v>
      </c>
      <c r="F48" s="1">
        <v>13594</v>
      </c>
      <c r="G48" s="1">
        <v>1.7</v>
      </c>
      <c r="H48" s="1">
        <v>15054</v>
      </c>
      <c r="I48" s="1">
        <v>229602</v>
      </c>
      <c r="J48" s="1">
        <v>6546</v>
      </c>
      <c r="K48" s="1">
        <v>112607</v>
      </c>
      <c r="L48" s="1">
        <v>3087</v>
      </c>
      <c r="M48" s="1">
        <v>81558</v>
      </c>
      <c r="N48" s="1">
        <v>4260875</v>
      </c>
      <c r="O48" s="1">
        <v>3179860</v>
      </c>
      <c r="P48" s="1">
        <v>4653</v>
      </c>
    </row>
  </sheetData>
  <phoneticPr fontId="1"/>
  <hyperlinks>
    <hyperlink ref="R6" r:id="rId1" location="SSDSE-E" xr:uid="{D936553C-C7E7-4931-BA8F-75EA97657B99}"/>
  </hyperlinks>
  <pageMargins left="0.7" right="0.7" top="0.75" bottom="0.75" header="0.3" footer="0.3"/>
  <pageSetup paperSize="9" orientation="portrait"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0B92D3-34FC-47FD-A4D6-88C648D0F0D9}">
  <dimension ref="A1:X48"/>
  <sheetViews>
    <sheetView workbookViewId="0"/>
  </sheetViews>
  <sheetFormatPr defaultRowHeight="17.649999999999999" x14ac:dyDescent="0.7"/>
  <cols>
    <col min="1" max="22" width="9" style="1"/>
  </cols>
  <sheetData>
    <row r="1" spans="1:24" x14ac:dyDescent="0.7">
      <c r="B1" s="1" t="s">
        <v>88</v>
      </c>
      <c r="C1" s="1" t="s">
        <v>10</v>
      </c>
      <c r="D1" s="1" t="s">
        <v>11</v>
      </c>
      <c r="E1" s="1" t="s">
        <v>12</v>
      </c>
      <c r="F1" s="1" t="s">
        <v>13</v>
      </c>
      <c r="G1" s="1" t="s">
        <v>14</v>
      </c>
      <c r="H1" s="1" t="s">
        <v>15</v>
      </c>
      <c r="I1" s="1" t="s">
        <v>16</v>
      </c>
      <c r="J1" s="1" t="s">
        <v>128</v>
      </c>
      <c r="K1" s="1" t="s">
        <v>86</v>
      </c>
      <c r="L1" s="1" t="s">
        <v>87</v>
      </c>
      <c r="M1" s="1" t="s">
        <v>17</v>
      </c>
      <c r="N1" s="1" t="s">
        <v>18</v>
      </c>
      <c r="O1" s="1" t="s">
        <v>19</v>
      </c>
      <c r="P1" s="1" t="s">
        <v>20</v>
      </c>
      <c r="Q1" s="1" t="s">
        <v>21</v>
      </c>
      <c r="R1" s="1" t="s">
        <v>22</v>
      </c>
      <c r="S1" s="1" t="s">
        <v>23</v>
      </c>
      <c r="T1" s="1" t="s">
        <v>24</v>
      </c>
      <c r="U1" s="1" t="s">
        <v>25</v>
      </c>
      <c r="V1" s="1" t="s">
        <v>26</v>
      </c>
    </row>
    <row r="2" spans="1:24" x14ac:dyDescent="0.7">
      <c r="A2" s="1" t="s">
        <v>30</v>
      </c>
      <c r="B2" s="1">
        <v>216124</v>
      </c>
      <c r="C2" s="1">
        <v>21256</v>
      </c>
      <c r="D2" s="1">
        <v>10246</v>
      </c>
      <c r="E2" s="1">
        <v>2544</v>
      </c>
      <c r="F2" s="1">
        <v>51407</v>
      </c>
      <c r="G2" s="1">
        <v>27724</v>
      </c>
      <c r="H2" s="1">
        <v>18627</v>
      </c>
      <c r="I2" s="1">
        <v>19946</v>
      </c>
      <c r="J2" s="1">
        <v>331</v>
      </c>
      <c r="K2" s="1">
        <v>950</v>
      </c>
      <c r="L2" s="1">
        <v>563</v>
      </c>
      <c r="M2" s="1">
        <v>270</v>
      </c>
      <c r="N2" s="1">
        <v>37</v>
      </c>
      <c r="O2" s="1">
        <v>165</v>
      </c>
      <c r="P2" s="1">
        <v>3728</v>
      </c>
      <c r="Q2" s="1">
        <v>1151</v>
      </c>
      <c r="R2" s="1">
        <v>19</v>
      </c>
      <c r="S2" s="1">
        <v>1381200</v>
      </c>
      <c r="T2" s="1">
        <v>36512</v>
      </c>
      <c r="U2" s="1">
        <v>22170</v>
      </c>
      <c r="V2" s="1">
        <v>465</v>
      </c>
      <c r="X2" s="25" t="s">
        <v>115</v>
      </c>
    </row>
    <row r="3" spans="1:24" x14ac:dyDescent="0.7">
      <c r="A3" s="1" t="s">
        <v>31</v>
      </c>
      <c r="B3" s="1">
        <v>55113</v>
      </c>
      <c r="C3" s="1">
        <v>5642</v>
      </c>
      <c r="D3" s="1">
        <v>2695</v>
      </c>
      <c r="E3" s="1">
        <v>390</v>
      </c>
      <c r="F3" s="1">
        <v>14097</v>
      </c>
      <c r="G3" s="1">
        <v>6755</v>
      </c>
      <c r="H3" s="1">
        <v>5978</v>
      </c>
      <c r="I3" s="1">
        <v>5112</v>
      </c>
      <c r="J3" s="1">
        <v>85</v>
      </c>
      <c r="K3" s="1">
        <v>249</v>
      </c>
      <c r="L3" s="1">
        <v>153</v>
      </c>
      <c r="M3" s="1">
        <v>63</v>
      </c>
      <c r="N3" s="1">
        <v>10</v>
      </c>
      <c r="O3" s="1">
        <v>35</v>
      </c>
      <c r="P3" s="1">
        <v>697</v>
      </c>
      <c r="Q3" s="1">
        <v>178</v>
      </c>
      <c r="R3" s="1">
        <v>7</v>
      </c>
      <c r="S3" s="1">
        <v>349100</v>
      </c>
      <c r="T3" s="1">
        <v>10663</v>
      </c>
      <c r="U3" s="1">
        <v>5570</v>
      </c>
      <c r="V3" s="1">
        <v>73</v>
      </c>
      <c r="X3" s="25" t="s">
        <v>118</v>
      </c>
    </row>
    <row r="4" spans="1:24" x14ac:dyDescent="0.7">
      <c r="A4" s="1" t="s">
        <v>32</v>
      </c>
      <c r="B4" s="1">
        <v>54598</v>
      </c>
      <c r="C4" s="1">
        <v>5292</v>
      </c>
      <c r="D4" s="1">
        <v>3483</v>
      </c>
      <c r="E4" s="1">
        <v>433</v>
      </c>
      <c r="F4" s="1">
        <v>13678</v>
      </c>
      <c r="G4" s="1">
        <v>6058</v>
      </c>
      <c r="H4" s="1">
        <v>5450</v>
      </c>
      <c r="I4" s="1">
        <v>4971</v>
      </c>
      <c r="J4" s="1">
        <v>64</v>
      </c>
      <c r="K4" s="1">
        <v>271</v>
      </c>
      <c r="L4" s="1">
        <v>149</v>
      </c>
      <c r="M4" s="1">
        <v>79</v>
      </c>
      <c r="N4" s="1">
        <v>6</v>
      </c>
      <c r="O4" s="1">
        <v>47</v>
      </c>
      <c r="P4" s="1">
        <v>867</v>
      </c>
      <c r="Q4" s="1">
        <v>167</v>
      </c>
      <c r="R4" s="1">
        <v>8</v>
      </c>
      <c r="S4" s="1">
        <v>334900</v>
      </c>
      <c r="T4" s="1">
        <v>10434</v>
      </c>
      <c r="U4" s="1">
        <v>4769</v>
      </c>
      <c r="V4" s="1">
        <v>77</v>
      </c>
      <c r="X4" s="25" t="s">
        <v>119</v>
      </c>
    </row>
    <row r="5" spans="1:24" x14ac:dyDescent="0.7">
      <c r="A5" s="1" t="s">
        <v>33</v>
      </c>
      <c r="B5" s="1">
        <v>95305</v>
      </c>
      <c r="C5" s="1">
        <v>10458</v>
      </c>
      <c r="D5" s="1">
        <v>5087</v>
      </c>
      <c r="E5" s="1">
        <v>1145</v>
      </c>
      <c r="F5" s="1">
        <v>25004</v>
      </c>
      <c r="G5" s="1">
        <v>10306</v>
      </c>
      <c r="H5" s="1">
        <v>8298</v>
      </c>
      <c r="I5" s="1">
        <v>8116</v>
      </c>
      <c r="J5" s="1">
        <v>208</v>
      </c>
      <c r="K5" s="1">
        <v>361</v>
      </c>
      <c r="L5" s="1">
        <v>200</v>
      </c>
      <c r="M5" s="1">
        <v>96</v>
      </c>
      <c r="N5" s="1">
        <v>14</v>
      </c>
      <c r="O5" s="1">
        <v>35</v>
      </c>
      <c r="P5" s="1">
        <v>844</v>
      </c>
      <c r="Q5" s="1">
        <v>449</v>
      </c>
      <c r="R5" s="1">
        <v>11</v>
      </c>
      <c r="S5" s="1">
        <v>590100</v>
      </c>
      <c r="T5" s="1">
        <v>16668</v>
      </c>
      <c r="U5" s="1">
        <v>8384</v>
      </c>
      <c r="V5" s="1">
        <v>108</v>
      </c>
    </row>
    <row r="6" spans="1:24" x14ac:dyDescent="0.7">
      <c r="A6" s="1" t="s">
        <v>34</v>
      </c>
      <c r="B6" s="1">
        <v>44883</v>
      </c>
      <c r="C6" s="1">
        <v>4857</v>
      </c>
      <c r="D6" s="1">
        <v>3127</v>
      </c>
      <c r="E6" s="1">
        <v>282</v>
      </c>
      <c r="F6" s="1">
        <v>11368</v>
      </c>
      <c r="G6" s="1">
        <v>4976</v>
      </c>
      <c r="H6" s="1">
        <v>5265</v>
      </c>
      <c r="I6" s="1">
        <v>3851</v>
      </c>
      <c r="J6" s="1">
        <v>32</v>
      </c>
      <c r="K6" s="1">
        <v>174</v>
      </c>
      <c r="L6" s="1">
        <v>104</v>
      </c>
      <c r="M6" s="1">
        <v>52</v>
      </c>
      <c r="N6" s="1">
        <v>7</v>
      </c>
      <c r="O6" s="1">
        <v>49</v>
      </c>
      <c r="P6" s="1">
        <v>857</v>
      </c>
      <c r="Q6" s="1">
        <v>197</v>
      </c>
      <c r="R6" s="1">
        <v>4</v>
      </c>
      <c r="S6" s="1">
        <v>284800</v>
      </c>
      <c r="T6" s="1">
        <v>8797</v>
      </c>
      <c r="U6" s="1">
        <v>3908</v>
      </c>
      <c r="V6" s="1">
        <v>49</v>
      </c>
      <c r="X6" s="27" t="s">
        <v>125</v>
      </c>
    </row>
    <row r="7" spans="1:24" x14ac:dyDescent="0.7">
      <c r="A7" s="1" t="s">
        <v>35</v>
      </c>
      <c r="B7" s="1">
        <v>52141</v>
      </c>
      <c r="C7" s="1">
        <v>5740</v>
      </c>
      <c r="D7" s="1">
        <v>4515</v>
      </c>
      <c r="E7" s="1">
        <v>336</v>
      </c>
      <c r="F7" s="1">
        <v>12793</v>
      </c>
      <c r="G7" s="1">
        <v>6030</v>
      </c>
      <c r="H7" s="1">
        <v>5599</v>
      </c>
      <c r="I7" s="1">
        <v>4190</v>
      </c>
      <c r="J7" s="1">
        <v>55</v>
      </c>
      <c r="K7" s="1">
        <v>223</v>
      </c>
      <c r="L7" s="1">
        <v>94</v>
      </c>
      <c r="M7" s="1">
        <v>60</v>
      </c>
      <c r="N7" s="1">
        <v>7</v>
      </c>
      <c r="O7" s="1">
        <v>40</v>
      </c>
      <c r="P7" s="1">
        <v>648</v>
      </c>
      <c r="Q7" s="1">
        <v>249</v>
      </c>
      <c r="R7" s="1">
        <v>10</v>
      </c>
      <c r="S7" s="1">
        <v>293600</v>
      </c>
      <c r="T7" s="1">
        <v>9955</v>
      </c>
      <c r="U7" s="1">
        <v>4798</v>
      </c>
      <c r="V7" s="1">
        <v>53</v>
      </c>
    </row>
    <row r="8" spans="1:24" x14ac:dyDescent="0.7">
      <c r="A8" s="1" t="s">
        <v>36</v>
      </c>
      <c r="B8" s="1">
        <v>81677</v>
      </c>
      <c r="C8" s="1">
        <v>9987</v>
      </c>
      <c r="D8" s="1">
        <v>6379</v>
      </c>
      <c r="E8" s="1">
        <v>551</v>
      </c>
      <c r="F8" s="1">
        <v>19975</v>
      </c>
      <c r="G8" s="1">
        <v>9016</v>
      </c>
      <c r="H8" s="1">
        <v>7614</v>
      </c>
      <c r="I8" s="1">
        <v>6503</v>
      </c>
      <c r="J8" s="1">
        <v>207</v>
      </c>
      <c r="K8" s="1">
        <v>390</v>
      </c>
      <c r="L8" s="1">
        <v>212</v>
      </c>
      <c r="M8" s="1">
        <v>97</v>
      </c>
      <c r="N8" s="1">
        <v>8</v>
      </c>
      <c r="O8" s="1">
        <v>71</v>
      </c>
      <c r="P8" s="1">
        <v>1268</v>
      </c>
      <c r="Q8" s="1">
        <v>375</v>
      </c>
      <c r="R8" s="1">
        <v>7</v>
      </c>
      <c r="S8" s="1">
        <v>496500</v>
      </c>
      <c r="T8" s="1">
        <v>15210</v>
      </c>
      <c r="U8" s="1">
        <v>6697</v>
      </c>
      <c r="V8" s="1">
        <v>101</v>
      </c>
    </row>
    <row r="9" spans="1:24" x14ac:dyDescent="0.7">
      <c r="A9" s="1" t="s">
        <v>37</v>
      </c>
      <c r="B9" s="1">
        <v>108602</v>
      </c>
      <c r="C9" s="1">
        <v>14004</v>
      </c>
      <c r="D9" s="1">
        <v>9826</v>
      </c>
      <c r="E9" s="1">
        <v>846</v>
      </c>
      <c r="F9" s="1">
        <v>26387</v>
      </c>
      <c r="G9" s="1">
        <v>11100</v>
      </c>
      <c r="H9" s="1">
        <v>10426</v>
      </c>
      <c r="I9" s="1">
        <v>8121</v>
      </c>
      <c r="J9" s="1">
        <v>196</v>
      </c>
      <c r="K9" s="1">
        <v>449</v>
      </c>
      <c r="L9" s="1">
        <v>224</v>
      </c>
      <c r="M9" s="1">
        <v>119</v>
      </c>
      <c r="N9" s="1">
        <v>11</v>
      </c>
      <c r="O9" s="1">
        <v>67</v>
      </c>
      <c r="P9" s="1">
        <v>1158</v>
      </c>
      <c r="Q9" s="1">
        <v>706</v>
      </c>
      <c r="R9" s="1">
        <v>11</v>
      </c>
      <c r="S9" s="1">
        <v>823500</v>
      </c>
      <c r="T9" s="1">
        <v>19962</v>
      </c>
      <c r="U9" s="1">
        <v>9210</v>
      </c>
      <c r="V9" s="1">
        <v>153</v>
      </c>
    </row>
    <row r="10" spans="1:24" x14ac:dyDescent="0.7">
      <c r="A10" s="1" t="s">
        <v>38</v>
      </c>
      <c r="B10" s="1">
        <v>80062</v>
      </c>
      <c r="C10" s="1">
        <v>8776</v>
      </c>
      <c r="D10" s="1">
        <v>8064</v>
      </c>
      <c r="E10" s="1">
        <v>519</v>
      </c>
      <c r="F10" s="1">
        <v>19572</v>
      </c>
      <c r="G10" s="1">
        <v>9099</v>
      </c>
      <c r="H10" s="1">
        <v>7365</v>
      </c>
      <c r="I10" s="1">
        <v>6420</v>
      </c>
      <c r="J10" s="1">
        <v>74</v>
      </c>
      <c r="K10" s="1">
        <v>336</v>
      </c>
      <c r="L10" s="1">
        <v>156</v>
      </c>
      <c r="M10" s="1">
        <v>76</v>
      </c>
      <c r="N10" s="1">
        <v>9</v>
      </c>
      <c r="O10" s="1">
        <v>55</v>
      </c>
      <c r="P10" s="1">
        <v>931</v>
      </c>
      <c r="Q10" s="1">
        <v>569</v>
      </c>
      <c r="R10" s="1">
        <v>8</v>
      </c>
      <c r="S10" s="1">
        <v>554700</v>
      </c>
      <c r="T10" s="1">
        <v>14556</v>
      </c>
      <c r="U10" s="1">
        <v>7302</v>
      </c>
      <c r="V10" s="1">
        <v>91</v>
      </c>
    </row>
    <row r="11" spans="1:24" x14ac:dyDescent="0.7">
      <c r="A11" s="1" t="s">
        <v>39</v>
      </c>
      <c r="B11" s="1">
        <v>85003</v>
      </c>
      <c r="C11" s="1">
        <v>9424</v>
      </c>
      <c r="D11" s="1">
        <v>9737</v>
      </c>
      <c r="E11" s="1">
        <v>598</v>
      </c>
      <c r="F11" s="1">
        <v>19722</v>
      </c>
      <c r="G11" s="1">
        <v>8884</v>
      </c>
      <c r="H11" s="1">
        <v>7576</v>
      </c>
      <c r="I11" s="1">
        <v>7170</v>
      </c>
      <c r="J11" s="1">
        <v>111</v>
      </c>
      <c r="K11" s="1">
        <v>303</v>
      </c>
      <c r="L11" s="1">
        <v>160</v>
      </c>
      <c r="M11" s="1">
        <v>77</v>
      </c>
      <c r="N11" s="1">
        <v>15</v>
      </c>
      <c r="O11" s="1">
        <v>56</v>
      </c>
      <c r="P11" s="1">
        <v>1174</v>
      </c>
      <c r="Q11" s="1">
        <v>538</v>
      </c>
      <c r="R11" s="1">
        <v>8</v>
      </c>
      <c r="S11" s="1">
        <v>570200</v>
      </c>
      <c r="T11" s="1">
        <v>14620</v>
      </c>
      <c r="U11" s="1">
        <v>7124</v>
      </c>
      <c r="V11" s="1">
        <v>114</v>
      </c>
    </row>
    <row r="12" spans="1:24" x14ac:dyDescent="0.7">
      <c r="A12" s="1" t="s">
        <v>40</v>
      </c>
      <c r="B12" s="1">
        <v>230278</v>
      </c>
      <c r="C12" s="1">
        <v>25560</v>
      </c>
      <c r="D12" s="1">
        <v>23810</v>
      </c>
      <c r="E12" s="1">
        <v>2173</v>
      </c>
      <c r="F12" s="1">
        <v>51720</v>
      </c>
      <c r="G12" s="1">
        <v>23094</v>
      </c>
      <c r="H12" s="1">
        <v>20345</v>
      </c>
      <c r="I12" s="1">
        <v>21744</v>
      </c>
      <c r="J12" s="1">
        <v>491</v>
      </c>
      <c r="K12" s="1">
        <v>803</v>
      </c>
      <c r="L12" s="1">
        <v>446</v>
      </c>
      <c r="M12" s="1">
        <v>191</v>
      </c>
      <c r="N12" s="1">
        <v>28</v>
      </c>
      <c r="O12" s="1">
        <v>174</v>
      </c>
      <c r="P12" s="1">
        <v>1759</v>
      </c>
      <c r="Q12" s="1">
        <v>1774</v>
      </c>
      <c r="R12" s="1">
        <v>28</v>
      </c>
      <c r="S12" s="1">
        <v>2086700</v>
      </c>
      <c r="T12" s="1">
        <v>37407</v>
      </c>
      <c r="U12" s="1">
        <v>19792</v>
      </c>
      <c r="V12" s="1">
        <v>296</v>
      </c>
    </row>
    <row r="13" spans="1:24" x14ac:dyDescent="0.7">
      <c r="A13" s="1" t="s">
        <v>41</v>
      </c>
      <c r="B13" s="1">
        <v>182689</v>
      </c>
      <c r="C13" s="1">
        <v>20004</v>
      </c>
      <c r="D13" s="1">
        <v>10411</v>
      </c>
      <c r="E13" s="1">
        <v>1960</v>
      </c>
      <c r="F13" s="1">
        <v>42852</v>
      </c>
      <c r="G13" s="1">
        <v>20661</v>
      </c>
      <c r="H13" s="1">
        <v>17538</v>
      </c>
      <c r="I13" s="1">
        <v>18106</v>
      </c>
      <c r="J13" s="1">
        <v>451</v>
      </c>
      <c r="K13" s="1">
        <v>756</v>
      </c>
      <c r="L13" s="1">
        <v>388</v>
      </c>
      <c r="M13" s="1">
        <v>181</v>
      </c>
      <c r="N13" s="1">
        <v>27</v>
      </c>
      <c r="O13" s="1">
        <v>144</v>
      </c>
      <c r="P13" s="1">
        <v>1510</v>
      </c>
      <c r="Q13" s="1">
        <v>1617</v>
      </c>
      <c r="R13" s="1">
        <v>25</v>
      </c>
      <c r="S13" s="1">
        <v>1799500</v>
      </c>
      <c r="T13" s="1">
        <v>31959</v>
      </c>
      <c r="U13" s="1">
        <v>17137</v>
      </c>
      <c r="V13" s="1">
        <v>256</v>
      </c>
    </row>
    <row r="14" spans="1:24" x14ac:dyDescent="0.7">
      <c r="A14" s="1" t="s">
        <v>42</v>
      </c>
      <c r="B14" s="1">
        <v>628239</v>
      </c>
      <c r="C14" s="1">
        <v>41348</v>
      </c>
      <c r="D14" s="1">
        <v>38766</v>
      </c>
      <c r="E14" s="1">
        <v>28503</v>
      </c>
      <c r="F14" s="1">
        <v>141055</v>
      </c>
      <c r="G14" s="1">
        <v>76127</v>
      </c>
      <c r="H14" s="1">
        <v>43692</v>
      </c>
      <c r="I14" s="1">
        <v>52683</v>
      </c>
      <c r="J14" s="1">
        <v>959</v>
      </c>
      <c r="K14" s="1">
        <v>1323</v>
      </c>
      <c r="L14" s="1">
        <v>800</v>
      </c>
      <c r="M14" s="1">
        <v>429</v>
      </c>
      <c r="N14" s="1">
        <v>144</v>
      </c>
      <c r="O14" s="1">
        <v>401</v>
      </c>
      <c r="P14" s="1">
        <v>2229</v>
      </c>
      <c r="Q14" s="1">
        <v>3937</v>
      </c>
      <c r="R14" s="1">
        <v>85</v>
      </c>
      <c r="S14" s="1">
        <v>3235200</v>
      </c>
      <c r="T14" s="1">
        <v>86800</v>
      </c>
      <c r="U14" s="1">
        <v>66547</v>
      </c>
      <c r="V14" s="1">
        <v>581</v>
      </c>
    </row>
    <row r="15" spans="1:24" x14ac:dyDescent="0.7">
      <c r="A15" s="1" t="s">
        <v>43</v>
      </c>
      <c r="B15" s="1">
        <v>285325</v>
      </c>
      <c r="C15" s="1">
        <v>28997</v>
      </c>
      <c r="D15" s="1">
        <v>17326</v>
      </c>
      <c r="E15" s="1">
        <v>4888</v>
      </c>
      <c r="F15" s="1">
        <v>61012</v>
      </c>
      <c r="G15" s="1">
        <v>32933</v>
      </c>
      <c r="H15" s="1">
        <v>22950</v>
      </c>
      <c r="I15" s="1">
        <v>31373</v>
      </c>
      <c r="J15" s="1">
        <v>608</v>
      </c>
      <c r="K15" s="1">
        <v>881</v>
      </c>
      <c r="L15" s="1">
        <v>471</v>
      </c>
      <c r="M15" s="1">
        <v>228</v>
      </c>
      <c r="N15" s="1">
        <v>33</v>
      </c>
      <c r="O15" s="1">
        <v>85</v>
      </c>
      <c r="P15" s="1">
        <v>1585</v>
      </c>
      <c r="Q15" s="1">
        <v>2105</v>
      </c>
      <c r="R15" s="1">
        <v>27</v>
      </c>
      <c r="S15" s="1">
        <v>2507900</v>
      </c>
      <c r="T15" s="1">
        <v>45290</v>
      </c>
      <c r="U15" s="1">
        <v>27988</v>
      </c>
      <c r="V15" s="1">
        <v>291</v>
      </c>
    </row>
    <row r="16" spans="1:24" x14ac:dyDescent="0.7">
      <c r="A16" s="1" t="s">
        <v>44</v>
      </c>
      <c r="B16" s="1">
        <v>103861</v>
      </c>
      <c r="C16" s="1">
        <v>12326</v>
      </c>
      <c r="D16" s="1">
        <v>10138</v>
      </c>
      <c r="E16" s="1">
        <v>813</v>
      </c>
      <c r="F16" s="1">
        <v>25467</v>
      </c>
      <c r="G16" s="1">
        <v>11332</v>
      </c>
      <c r="H16" s="1">
        <v>9818</v>
      </c>
      <c r="I16" s="1">
        <v>7797</v>
      </c>
      <c r="J16" s="1">
        <v>64</v>
      </c>
      <c r="K16" s="1">
        <v>436</v>
      </c>
      <c r="L16" s="1">
        <v>230</v>
      </c>
      <c r="M16" s="1">
        <v>101</v>
      </c>
      <c r="N16" s="1">
        <v>22</v>
      </c>
      <c r="O16" s="1">
        <v>79</v>
      </c>
      <c r="P16" s="1">
        <v>1410</v>
      </c>
      <c r="Q16" s="1">
        <v>436</v>
      </c>
      <c r="R16" s="1">
        <v>10</v>
      </c>
      <c r="S16" s="1">
        <v>629900</v>
      </c>
      <c r="T16" s="1">
        <v>18729</v>
      </c>
      <c r="U16" s="1">
        <v>8557</v>
      </c>
      <c r="V16" s="1">
        <v>100</v>
      </c>
    </row>
    <row r="17" spans="1:22" x14ac:dyDescent="0.7">
      <c r="A17" s="1" t="s">
        <v>45</v>
      </c>
      <c r="B17" s="1">
        <v>48987</v>
      </c>
      <c r="C17" s="1">
        <v>5420</v>
      </c>
      <c r="D17" s="1">
        <v>4702</v>
      </c>
      <c r="E17" s="1">
        <v>442</v>
      </c>
      <c r="F17" s="1">
        <v>12270</v>
      </c>
      <c r="G17" s="1">
        <v>4886</v>
      </c>
      <c r="H17" s="1">
        <v>4426</v>
      </c>
      <c r="I17" s="1">
        <v>3684</v>
      </c>
      <c r="J17" s="1">
        <v>27</v>
      </c>
      <c r="K17" s="1">
        <v>178</v>
      </c>
      <c r="L17" s="1">
        <v>76</v>
      </c>
      <c r="M17" s="1">
        <v>49</v>
      </c>
      <c r="N17" s="1">
        <v>5</v>
      </c>
      <c r="O17" s="1">
        <v>56</v>
      </c>
      <c r="P17" s="1">
        <v>653</v>
      </c>
      <c r="Q17" s="1">
        <v>230</v>
      </c>
      <c r="R17" s="1">
        <v>5</v>
      </c>
      <c r="S17" s="1">
        <v>301100</v>
      </c>
      <c r="T17" s="1">
        <v>9082</v>
      </c>
      <c r="U17" s="1">
        <v>3960</v>
      </c>
      <c r="V17" s="1">
        <v>87</v>
      </c>
    </row>
    <row r="18" spans="1:22" x14ac:dyDescent="0.7">
      <c r="A18" s="1" t="s">
        <v>46</v>
      </c>
      <c r="B18" s="1">
        <v>56437</v>
      </c>
      <c r="C18" s="1">
        <v>5808</v>
      </c>
      <c r="D18" s="1">
        <v>6328</v>
      </c>
      <c r="E18" s="1">
        <v>597</v>
      </c>
      <c r="F18" s="1">
        <v>13686</v>
      </c>
      <c r="G18" s="1">
        <v>6452</v>
      </c>
      <c r="H18" s="1">
        <v>4701</v>
      </c>
      <c r="I18" s="1">
        <v>3969</v>
      </c>
      <c r="J18" s="1">
        <v>43</v>
      </c>
      <c r="K18" s="1">
        <v>202</v>
      </c>
      <c r="L18" s="1">
        <v>90</v>
      </c>
      <c r="M18" s="1">
        <v>56</v>
      </c>
      <c r="N18" s="1">
        <v>14</v>
      </c>
      <c r="O18" s="1">
        <v>41</v>
      </c>
      <c r="P18" s="1">
        <v>715</v>
      </c>
      <c r="Q18" s="1">
        <v>268</v>
      </c>
      <c r="R18" s="1">
        <v>6</v>
      </c>
      <c r="S18" s="1">
        <v>315000</v>
      </c>
      <c r="T18" s="1">
        <v>9730</v>
      </c>
      <c r="U18" s="1">
        <v>5208</v>
      </c>
      <c r="V18" s="1">
        <v>78</v>
      </c>
    </row>
    <row r="19" spans="1:22" x14ac:dyDescent="0.7">
      <c r="A19" s="1" t="s">
        <v>47</v>
      </c>
      <c r="B19" s="1">
        <v>39859</v>
      </c>
      <c r="C19" s="1">
        <v>4521</v>
      </c>
      <c r="D19" s="1">
        <v>4746</v>
      </c>
      <c r="E19" s="1">
        <v>341</v>
      </c>
      <c r="F19" s="1">
        <v>9510</v>
      </c>
      <c r="G19" s="1">
        <v>4759</v>
      </c>
      <c r="H19" s="1">
        <v>3366</v>
      </c>
      <c r="I19" s="1">
        <v>2586</v>
      </c>
      <c r="J19" s="1">
        <v>60</v>
      </c>
      <c r="K19" s="1">
        <v>191</v>
      </c>
      <c r="L19" s="1">
        <v>80</v>
      </c>
      <c r="M19" s="1">
        <v>32</v>
      </c>
      <c r="N19" s="1">
        <v>6</v>
      </c>
      <c r="O19" s="1">
        <v>37</v>
      </c>
      <c r="P19" s="1">
        <v>482</v>
      </c>
      <c r="Q19" s="1">
        <v>128</v>
      </c>
      <c r="R19" s="1">
        <v>4</v>
      </c>
      <c r="S19" s="1">
        <v>210600</v>
      </c>
      <c r="T19" s="1">
        <v>6992</v>
      </c>
      <c r="U19" s="1">
        <v>3619</v>
      </c>
      <c r="V19" s="1">
        <v>57</v>
      </c>
    </row>
    <row r="20" spans="1:22" x14ac:dyDescent="0.7">
      <c r="A20" s="1" t="s">
        <v>48</v>
      </c>
      <c r="B20" s="1">
        <v>40814</v>
      </c>
      <c r="C20" s="1">
        <v>4170</v>
      </c>
      <c r="D20" s="1">
        <v>4091</v>
      </c>
      <c r="E20" s="1">
        <v>336</v>
      </c>
      <c r="F20" s="1">
        <v>9216</v>
      </c>
      <c r="G20" s="1">
        <v>5663</v>
      </c>
      <c r="H20" s="1">
        <v>3469</v>
      </c>
      <c r="I20" s="1">
        <v>3048</v>
      </c>
      <c r="J20" s="1">
        <v>54</v>
      </c>
      <c r="K20" s="1">
        <v>176</v>
      </c>
      <c r="L20" s="1">
        <v>92</v>
      </c>
      <c r="M20" s="1">
        <v>40</v>
      </c>
      <c r="N20" s="1">
        <v>7</v>
      </c>
      <c r="O20" s="1">
        <v>53</v>
      </c>
      <c r="P20" s="1">
        <v>588</v>
      </c>
      <c r="Q20" s="1">
        <v>219</v>
      </c>
      <c r="R20" s="1">
        <v>4</v>
      </c>
      <c r="S20" s="1">
        <v>231100</v>
      </c>
      <c r="T20" s="1">
        <v>6976</v>
      </c>
      <c r="U20" s="1">
        <v>4080</v>
      </c>
      <c r="V20" s="1">
        <v>52</v>
      </c>
    </row>
    <row r="21" spans="1:22" x14ac:dyDescent="0.7">
      <c r="A21" s="1" t="s">
        <v>49</v>
      </c>
      <c r="B21" s="1">
        <v>99571</v>
      </c>
      <c r="C21" s="1">
        <v>10675</v>
      </c>
      <c r="D21" s="1">
        <v>9766</v>
      </c>
      <c r="E21" s="1">
        <v>949</v>
      </c>
      <c r="F21" s="1">
        <v>22746</v>
      </c>
      <c r="G21" s="1">
        <v>13597</v>
      </c>
      <c r="H21" s="1">
        <v>8188</v>
      </c>
      <c r="I21" s="1">
        <v>7411</v>
      </c>
      <c r="J21" s="1">
        <v>91</v>
      </c>
      <c r="K21" s="1">
        <v>359</v>
      </c>
      <c r="L21" s="1">
        <v>193</v>
      </c>
      <c r="M21" s="1">
        <v>99</v>
      </c>
      <c r="N21" s="1">
        <v>11</v>
      </c>
      <c r="O21" s="1">
        <v>120</v>
      </c>
      <c r="P21" s="1">
        <v>1828</v>
      </c>
      <c r="Q21" s="1">
        <v>470</v>
      </c>
      <c r="R21" s="1">
        <v>16</v>
      </c>
      <c r="S21" s="1">
        <v>591500</v>
      </c>
      <c r="T21" s="1">
        <v>17067</v>
      </c>
      <c r="U21" s="1">
        <v>9345</v>
      </c>
      <c r="V21" s="1">
        <v>110</v>
      </c>
    </row>
    <row r="22" spans="1:22" x14ac:dyDescent="0.7">
      <c r="A22" s="1" t="s">
        <v>50</v>
      </c>
      <c r="B22" s="1">
        <v>92210</v>
      </c>
      <c r="C22" s="1">
        <v>9708</v>
      </c>
      <c r="D22" s="1">
        <v>12132</v>
      </c>
      <c r="E22" s="1">
        <v>559</v>
      </c>
      <c r="F22" s="1">
        <v>21788</v>
      </c>
      <c r="G22" s="1">
        <v>10697</v>
      </c>
      <c r="H22" s="1">
        <v>7758</v>
      </c>
      <c r="I22" s="1">
        <v>7286</v>
      </c>
      <c r="J22" s="1">
        <v>145</v>
      </c>
      <c r="K22" s="1">
        <v>351</v>
      </c>
      <c r="L22" s="1">
        <v>181</v>
      </c>
      <c r="M22" s="1">
        <v>82</v>
      </c>
      <c r="N22" s="1">
        <v>13</v>
      </c>
      <c r="O22" s="1">
        <v>72</v>
      </c>
      <c r="P22" s="1">
        <v>1083</v>
      </c>
      <c r="Q22" s="1">
        <v>627</v>
      </c>
      <c r="R22" s="1">
        <v>6</v>
      </c>
      <c r="S22" s="1">
        <v>567700</v>
      </c>
      <c r="T22" s="1">
        <v>16086</v>
      </c>
      <c r="U22" s="1">
        <v>8902</v>
      </c>
      <c r="V22" s="1">
        <v>85</v>
      </c>
    </row>
    <row r="23" spans="1:22" x14ac:dyDescent="0.7">
      <c r="A23" s="1" t="s">
        <v>51</v>
      </c>
      <c r="B23" s="1">
        <v>161789</v>
      </c>
      <c r="C23" s="1">
        <v>16470</v>
      </c>
      <c r="D23" s="1">
        <v>17620</v>
      </c>
      <c r="E23" s="1">
        <v>1387</v>
      </c>
      <c r="F23" s="1">
        <v>38644</v>
      </c>
      <c r="G23" s="1">
        <v>18752</v>
      </c>
      <c r="H23" s="1">
        <v>14040</v>
      </c>
      <c r="I23" s="1">
        <v>12538</v>
      </c>
      <c r="J23" s="1">
        <v>328</v>
      </c>
      <c r="K23" s="1">
        <v>493</v>
      </c>
      <c r="L23" s="1">
        <v>290</v>
      </c>
      <c r="M23" s="1">
        <v>136</v>
      </c>
      <c r="N23" s="1">
        <v>14</v>
      </c>
      <c r="O23" s="1">
        <v>96</v>
      </c>
      <c r="P23" s="1">
        <v>1267</v>
      </c>
      <c r="Q23" s="1">
        <v>908</v>
      </c>
      <c r="R23" s="1">
        <v>17</v>
      </c>
      <c r="S23" s="1">
        <v>989600</v>
      </c>
      <c r="T23" s="1">
        <v>28140</v>
      </c>
      <c r="U23" s="1">
        <v>15115</v>
      </c>
      <c r="V23" s="1">
        <v>139</v>
      </c>
    </row>
    <row r="24" spans="1:22" x14ac:dyDescent="0.7">
      <c r="A24" s="1" t="s">
        <v>52</v>
      </c>
      <c r="B24" s="1">
        <v>299232</v>
      </c>
      <c r="C24" s="1">
        <v>27164</v>
      </c>
      <c r="D24" s="1">
        <v>32549</v>
      </c>
      <c r="E24" s="1">
        <v>3873</v>
      </c>
      <c r="F24" s="1">
        <v>70359</v>
      </c>
      <c r="G24" s="1">
        <v>33907</v>
      </c>
      <c r="H24" s="1">
        <v>23871</v>
      </c>
      <c r="I24" s="1">
        <v>24849</v>
      </c>
      <c r="J24" s="1">
        <v>390</v>
      </c>
      <c r="K24" s="1">
        <v>967</v>
      </c>
      <c r="L24" s="1">
        <v>434</v>
      </c>
      <c r="M24" s="1">
        <v>221</v>
      </c>
      <c r="N24" s="1">
        <v>52</v>
      </c>
      <c r="O24" s="1">
        <v>97</v>
      </c>
      <c r="P24" s="1">
        <v>1735</v>
      </c>
      <c r="Q24" s="1">
        <v>1764</v>
      </c>
      <c r="R24" s="1">
        <v>29</v>
      </c>
      <c r="S24" s="1">
        <v>1913500</v>
      </c>
      <c r="T24" s="1">
        <v>46122</v>
      </c>
      <c r="U24" s="1">
        <v>29431</v>
      </c>
      <c r="V24" s="1">
        <v>281</v>
      </c>
    </row>
    <row r="25" spans="1:22" x14ac:dyDescent="0.7">
      <c r="A25" s="1" t="s">
        <v>53</v>
      </c>
      <c r="B25" s="1">
        <v>72261</v>
      </c>
      <c r="C25" s="1">
        <v>7422</v>
      </c>
      <c r="D25" s="1">
        <v>6789</v>
      </c>
      <c r="E25" s="1">
        <v>469</v>
      </c>
      <c r="F25" s="1">
        <v>17456</v>
      </c>
      <c r="G25" s="1">
        <v>8007</v>
      </c>
      <c r="H25" s="1">
        <v>6125</v>
      </c>
      <c r="I25" s="1">
        <v>5977</v>
      </c>
      <c r="J25" s="1">
        <v>150</v>
      </c>
      <c r="K25" s="1">
        <v>363</v>
      </c>
      <c r="L25" s="1">
        <v>167</v>
      </c>
      <c r="M25" s="1">
        <v>70</v>
      </c>
      <c r="N25" s="1">
        <v>7</v>
      </c>
      <c r="O25" s="1">
        <v>47</v>
      </c>
      <c r="P25" s="1">
        <v>624</v>
      </c>
      <c r="Q25" s="1">
        <v>439</v>
      </c>
      <c r="R25" s="1">
        <v>10</v>
      </c>
      <c r="S25" s="1">
        <v>526100</v>
      </c>
      <c r="T25" s="1">
        <v>13337</v>
      </c>
      <c r="U25" s="1">
        <v>6361</v>
      </c>
      <c r="V25" s="1">
        <v>81</v>
      </c>
    </row>
    <row r="26" spans="1:22" x14ac:dyDescent="0.7">
      <c r="A26" s="1" t="s">
        <v>54</v>
      </c>
      <c r="B26" s="1">
        <v>53748</v>
      </c>
      <c r="C26" s="1">
        <v>5472</v>
      </c>
      <c r="D26" s="1">
        <v>5143</v>
      </c>
      <c r="E26" s="1">
        <v>384</v>
      </c>
      <c r="F26" s="1">
        <v>12061</v>
      </c>
      <c r="G26" s="1">
        <v>5291</v>
      </c>
      <c r="H26" s="1">
        <v>4357</v>
      </c>
      <c r="I26" s="1">
        <v>4733</v>
      </c>
      <c r="J26" s="1">
        <v>121</v>
      </c>
      <c r="K26" s="1">
        <v>219</v>
      </c>
      <c r="L26" s="1">
        <v>103</v>
      </c>
      <c r="M26" s="1">
        <v>56</v>
      </c>
      <c r="N26" s="1">
        <v>9</v>
      </c>
      <c r="O26" s="1">
        <v>51</v>
      </c>
      <c r="P26" s="1">
        <v>548</v>
      </c>
      <c r="Q26" s="1">
        <v>347</v>
      </c>
      <c r="R26" s="1">
        <v>8</v>
      </c>
      <c r="S26" s="1">
        <v>410400</v>
      </c>
      <c r="T26" s="1">
        <v>9361</v>
      </c>
      <c r="U26" s="1">
        <v>4211</v>
      </c>
      <c r="V26" s="1">
        <v>51</v>
      </c>
    </row>
    <row r="27" spans="1:22" x14ac:dyDescent="0.7">
      <c r="A27" s="1" t="s">
        <v>55</v>
      </c>
      <c r="B27" s="1">
        <v>110564</v>
      </c>
      <c r="C27" s="1">
        <v>8588</v>
      </c>
      <c r="D27" s="1">
        <v>11992</v>
      </c>
      <c r="E27" s="1">
        <v>1223</v>
      </c>
      <c r="F27" s="1">
        <v>26212</v>
      </c>
      <c r="G27" s="1">
        <v>13840</v>
      </c>
      <c r="H27" s="1">
        <v>8422</v>
      </c>
      <c r="I27" s="1">
        <v>9299</v>
      </c>
      <c r="J27" s="1">
        <v>189</v>
      </c>
      <c r="K27" s="1">
        <v>365</v>
      </c>
      <c r="L27" s="1">
        <v>188</v>
      </c>
      <c r="M27" s="1">
        <v>105</v>
      </c>
      <c r="N27" s="1">
        <v>34</v>
      </c>
      <c r="O27" s="1">
        <v>68</v>
      </c>
      <c r="P27" s="1">
        <v>638</v>
      </c>
      <c r="Q27" s="1">
        <v>592</v>
      </c>
      <c r="R27" s="1">
        <v>13</v>
      </c>
      <c r="S27" s="1">
        <v>717700</v>
      </c>
      <c r="T27" s="1">
        <v>19321</v>
      </c>
      <c r="U27" s="1">
        <v>11460</v>
      </c>
      <c r="V27" s="1">
        <v>149</v>
      </c>
    </row>
    <row r="28" spans="1:22" x14ac:dyDescent="0.7">
      <c r="A28" s="1" t="s">
        <v>56</v>
      </c>
      <c r="B28" s="1">
        <v>384332</v>
      </c>
      <c r="C28" s="1">
        <v>27254</v>
      </c>
      <c r="D28" s="1">
        <v>38943</v>
      </c>
      <c r="E28" s="1">
        <v>6909</v>
      </c>
      <c r="F28" s="1">
        <v>90008</v>
      </c>
      <c r="G28" s="1">
        <v>44729</v>
      </c>
      <c r="H28" s="1">
        <v>27032</v>
      </c>
      <c r="I28" s="1">
        <v>38092</v>
      </c>
      <c r="J28" s="1">
        <v>520</v>
      </c>
      <c r="K28" s="1">
        <v>983</v>
      </c>
      <c r="L28" s="1">
        <v>513</v>
      </c>
      <c r="M28" s="1">
        <v>254</v>
      </c>
      <c r="N28" s="1">
        <v>58</v>
      </c>
      <c r="O28" s="1">
        <v>155</v>
      </c>
      <c r="P28" s="1">
        <v>1194</v>
      </c>
      <c r="Q28" s="1">
        <v>2012</v>
      </c>
      <c r="R28" s="1">
        <v>36</v>
      </c>
      <c r="S28" s="1">
        <v>2285500</v>
      </c>
      <c r="T28" s="1">
        <v>54764</v>
      </c>
      <c r="U28" s="1">
        <v>39358</v>
      </c>
      <c r="V28" s="1">
        <v>467</v>
      </c>
    </row>
    <row r="29" spans="1:22" x14ac:dyDescent="0.7">
      <c r="A29" s="1" t="s">
        <v>57</v>
      </c>
      <c r="B29" s="1">
        <v>203113</v>
      </c>
      <c r="C29" s="1">
        <v>16634</v>
      </c>
      <c r="D29" s="1">
        <v>16573</v>
      </c>
      <c r="E29" s="1">
        <v>1800</v>
      </c>
      <c r="F29" s="1">
        <v>47973</v>
      </c>
      <c r="G29" s="1">
        <v>25617</v>
      </c>
      <c r="H29" s="1">
        <v>16729</v>
      </c>
      <c r="I29" s="1">
        <v>20248</v>
      </c>
      <c r="J29" s="1">
        <v>428</v>
      </c>
      <c r="K29" s="1">
        <v>737</v>
      </c>
      <c r="L29" s="1">
        <v>375</v>
      </c>
      <c r="M29" s="1">
        <v>205</v>
      </c>
      <c r="N29" s="1">
        <v>35</v>
      </c>
      <c r="O29" s="1">
        <v>107</v>
      </c>
      <c r="P29" s="1">
        <v>1118</v>
      </c>
      <c r="Q29" s="1">
        <v>1517</v>
      </c>
      <c r="R29" s="1">
        <v>24</v>
      </c>
      <c r="S29" s="1">
        <v>1545000</v>
      </c>
      <c r="T29" s="1">
        <v>35621</v>
      </c>
      <c r="U29" s="1">
        <v>21971</v>
      </c>
      <c r="V29" s="1">
        <v>314</v>
      </c>
    </row>
    <row r="30" spans="1:22" x14ac:dyDescent="0.7">
      <c r="A30" s="1" t="s">
        <v>58</v>
      </c>
      <c r="B30" s="1">
        <v>45583</v>
      </c>
      <c r="C30" s="1">
        <v>3574</v>
      </c>
      <c r="D30" s="1">
        <v>4228</v>
      </c>
      <c r="E30" s="1">
        <v>334</v>
      </c>
      <c r="F30" s="1">
        <v>10853</v>
      </c>
      <c r="G30" s="1">
        <v>4649</v>
      </c>
      <c r="H30" s="1">
        <v>3872</v>
      </c>
      <c r="I30" s="1">
        <v>4764</v>
      </c>
      <c r="J30" s="1">
        <v>133</v>
      </c>
      <c r="K30" s="1">
        <v>188</v>
      </c>
      <c r="L30" s="1">
        <v>107</v>
      </c>
      <c r="M30" s="1">
        <v>51</v>
      </c>
      <c r="N30" s="1">
        <v>10</v>
      </c>
      <c r="O30" s="1">
        <v>33</v>
      </c>
      <c r="P30" s="1">
        <v>489</v>
      </c>
      <c r="Q30" s="1">
        <v>320</v>
      </c>
      <c r="R30" s="1">
        <v>6</v>
      </c>
      <c r="S30" s="1">
        <v>397300</v>
      </c>
      <c r="T30" s="1">
        <v>8658</v>
      </c>
      <c r="U30" s="1">
        <v>3753</v>
      </c>
      <c r="V30" s="1">
        <v>71</v>
      </c>
    </row>
    <row r="31" spans="1:22" x14ac:dyDescent="0.7">
      <c r="A31" s="1" t="s">
        <v>59</v>
      </c>
      <c r="B31" s="1">
        <v>45309</v>
      </c>
      <c r="C31" s="1">
        <v>4235</v>
      </c>
      <c r="D31" s="1">
        <v>3526</v>
      </c>
      <c r="E31" s="1">
        <v>268</v>
      </c>
      <c r="F31" s="1">
        <v>11385</v>
      </c>
      <c r="G31" s="1">
        <v>5221</v>
      </c>
      <c r="H31" s="1">
        <v>3959</v>
      </c>
      <c r="I31" s="1">
        <v>4361</v>
      </c>
      <c r="J31" s="1">
        <v>63</v>
      </c>
      <c r="K31" s="1">
        <v>240</v>
      </c>
      <c r="L31" s="1">
        <v>126</v>
      </c>
      <c r="M31" s="1">
        <v>47</v>
      </c>
      <c r="N31" s="1">
        <v>5</v>
      </c>
      <c r="O31" s="1">
        <v>27</v>
      </c>
      <c r="P31" s="1">
        <v>442</v>
      </c>
      <c r="Q31" s="1">
        <v>162</v>
      </c>
      <c r="R31" s="1">
        <v>5</v>
      </c>
      <c r="S31" s="1">
        <v>285200</v>
      </c>
      <c r="T31" s="1">
        <v>8842</v>
      </c>
      <c r="U31" s="1">
        <v>4192</v>
      </c>
      <c r="V31" s="1">
        <v>75</v>
      </c>
    </row>
    <row r="32" spans="1:22" x14ac:dyDescent="0.7">
      <c r="A32" s="1" t="s">
        <v>60</v>
      </c>
      <c r="B32" s="1">
        <v>24242</v>
      </c>
      <c r="C32" s="1">
        <v>2217</v>
      </c>
      <c r="D32" s="1">
        <v>1467</v>
      </c>
      <c r="E32" s="1">
        <v>234</v>
      </c>
      <c r="F32" s="1">
        <v>6116</v>
      </c>
      <c r="G32" s="1">
        <v>2887</v>
      </c>
      <c r="H32" s="1">
        <v>2398</v>
      </c>
      <c r="I32" s="1">
        <v>2253</v>
      </c>
      <c r="J32" s="1">
        <v>18</v>
      </c>
      <c r="K32" s="1">
        <v>114</v>
      </c>
      <c r="L32" s="1">
        <v>56</v>
      </c>
      <c r="M32" s="1">
        <v>32</v>
      </c>
      <c r="N32" s="1">
        <v>3</v>
      </c>
      <c r="O32" s="1">
        <v>30</v>
      </c>
      <c r="P32" s="1">
        <v>495</v>
      </c>
      <c r="Q32" s="1">
        <v>105</v>
      </c>
      <c r="R32" s="1">
        <v>2</v>
      </c>
      <c r="S32" s="1">
        <v>152700</v>
      </c>
      <c r="T32" s="1">
        <v>4688</v>
      </c>
      <c r="U32" s="1">
        <v>2280</v>
      </c>
      <c r="V32" s="1">
        <v>39</v>
      </c>
    </row>
    <row r="33" spans="1:22" x14ac:dyDescent="0.7">
      <c r="A33" s="1" t="s">
        <v>61</v>
      </c>
      <c r="B33" s="1">
        <v>32637</v>
      </c>
      <c r="C33" s="1">
        <v>3390</v>
      </c>
      <c r="D33" s="1">
        <v>2099</v>
      </c>
      <c r="E33" s="1">
        <v>252</v>
      </c>
      <c r="F33" s="1">
        <v>8218</v>
      </c>
      <c r="G33" s="1">
        <v>3271</v>
      </c>
      <c r="H33" s="1">
        <v>3021</v>
      </c>
      <c r="I33" s="1">
        <v>2950</v>
      </c>
      <c r="J33" s="1">
        <v>76</v>
      </c>
      <c r="K33" s="1">
        <v>196</v>
      </c>
      <c r="L33" s="1">
        <v>95</v>
      </c>
      <c r="M33" s="1">
        <v>47</v>
      </c>
      <c r="N33" s="1">
        <v>2</v>
      </c>
      <c r="O33" s="1">
        <v>41</v>
      </c>
      <c r="P33" s="1">
        <v>524</v>
      </c>
      <c r="Q33" s="1">
        <v>89</v>
      </c>
      <c r="R33" s="1">
        <v>3</v>
      </c>
      <c r="S33" s="1">
        <v>183600</v>
      </c>
      <c r="T33" s="1">
        <v>6354</v>
      </c>
      <c r="U33" s="1">
        <v>2536</v>
      </c>
      <c r="V33" s="1">
        <v>37</v>
      </c>
    </row>
    <row r="34" spans="1:22" x14ac:dyDescent="0.7">
      <c r="A34" s="1" t="s">
        <v>62</v>
      </c>
      <c r="B34" s="1">
        <v>78646</v>
      </c>
      <c r="C34" s="1">
        <v>8253</v>
      </c>
      <c r="D34" s="1">
        <v>6376</v>
      </c>
      <c r="E34" s="1">
        <v>713</v>
      </c>
      <c r="F34" s="1">
        <v>19505</v>
      </c>
      <c r="G34" s="1">
        <v>7637</v>
      </c>
      <c r="H34" s="1">
        <v>6744</v>
      </c>
      <c r="I34" s="1">
        <v>6999</v>
      </c>
      <c r="J34" s="1">
        <v>199</v>
      </c>
      <c r="K34" s="1">
        <v>375</v>
      </c>
      <c r="L34" s="1">
        <v>163</v>
      </c>
      <c r="M34" s="1">
        <v>86</v>
      </c>
      <c r="N34" s="1">
        <v>18</v>
      </c>
      <c r="O34" s="1">
        <v>70</v>
      </c>
      <c r="P34" s="1">
        <v>792</v>
      </c>
      <c r="Q34" s="1">
        <v>405</v>
      </c>
      <c r="R34" s="1">
        <v>7</v>
      </c>
      <c r="S34" s="1">
        <v>521000</v>
      </c>
      <c r="T34" s="1">
        <v>14312</v>
      </c>
      <c r="U34" s="1">
        <v>6223</v>
      </c>
      <c r="V34" s="1">
        <v>143</v>
      </c>
    </row>
    <row r="35" spans="1:22" x14ac:dyDescent="0.7">
      <c r="A35" s="1" t="s">
        <v>63</v>
      </c>
      <c r="B35" s="1">
        <v>122155</v>
      </c>
      <c r="C35" s="1">
        <v>11370</v>
      </c>
      <c r="D35" s="1">
        <v>9429</v>
      </c>
      <c r="E35" s="1">
        <v>1264</v>
      </c>
      <c r="F35" s="1">
        <v>30092</v>
      </c>
      <c r="G35" s="1">
        <v>13344</v>
      </c>
      <c r="H35" s="1">
        <v>10200</v>
      </c>
      <c r="I35" s="1">
        <v>10739</v>
      </c>
      <c r="J35" s="1">
        <v>208</v>
      </c>
      <c r="K35" s="1">
        <v>463</v>
      </c>
      <c r="L35" s="1">
        <v>261</v>
      </c>
      <c r="M35" s="1">
        <v>128</v>
      </c>
      <c r="N35" s="1">
        <v>21</v>
      </c>
      <c r="O35" s="1">
        <v>86</v>
      </c>
      <c r="P35" s="1">
        <v>1039</v>
      </c>
      <c r="Q35" s="1">
        <v>569</v>
      </c>
      <c r="R35" s="1">
        <v>15</v>
      </c>
      <c r="S35" s="1">
        <v>760900</v>
      </c>
      <c r="T35" s="1">
        <v>20747</v>
      </c>
      <c r="U35" s="1">
        <v>11417</v>
      </c>
      <c r="V35" s="1">
        <v>201</v>
      </c>
    </row>
    <row r="36" spans="1:22" x14ac:dyDescent="0.7">
      <c r="A36" s="1" t="s">
        <v>64</v>
      </c>
      <c r="B36" s="1">
        <v>56452</v>
      </c>
      <c r="C36" s="1">
        <v>5961</v>
      </c>
      <c r="D36" s="1">
        <v>3241</v>
      </c>
      <c r="E36" s="1">
        <v>435</v>
      </c>
      <c r="F36" s="1">
        <v>14589</v>
      </c>
      <c r="G36" s="1">
        <v>5986</v>
      </c>
      <c r="H36" s="1">
        <v>5148</v>
      </c>
      <c r="I36" s="1">
        <v>5213</v>
      </c>
      <c r="J36" s="1">
        <v>155</v>
      </c>
      <c r="K36" s="1">
        <v>296</v>
      </c>
      <c r="L36" s="1">
        <v>160</v>
      </c>
      <c r="M36" s="1">
        <v>75</v>
      </c>
      <c r="N36" s="1">
        <v>10</v>
      </c>
      <c r="O36" s="1">
        <v>55</v>
      </c>
      <c r="P36" s="1">
        <v>714</v>
      </c>
      <c r="Q36" s="1">
        <v>303</v>
      </c>
      <c r="R36" s="1">
        <v>6</v>
      </c>
      <c r="S36" s="1">
        <v>390500</v>
      </c>
      <c r="T36" s="1">
        <v>11222</v>
      </c>
      <c r="U36" s="1">
        <v>4797</v>
      </c>
      <c r="V36" s="1">
        <v>112</v>
      </c>
    </row>
    <row r="37" spans="1:22" x14ac:dyDescent="0.7">
      <c r="A37" s="1" t="s">
        <v>65</v>
      </c>
      <c r="B37" s="1">
        <v>34119</v>
      </c>
      <c r="C37" s="1">
        <v>3226</v>
      </c>
      <c r="D37" s="1">
        <v>2327</v>
      </c>
      <c r="E37" s="1">
        <v>249</v>
      </c>
      <c r="F37" s="1">
        <v>8413</v>
      </c>
      <c r="G37" s="1">
        <v>3903</v>
      </c>
      <c r="H37" s="1">
        <v>3177</v>
      </c>
      <c r="I37" s="1">
        <v>3154</v>
      </c>
      <c r="J37" s="1">
        <v>85</v>
      </c>
      <c r="K37" s="1">
        <v>184</v>
      </c>
      <c r="L37" s="1">
        <v>89</v>
      </c>
      <c r="M37" s="1">
        <v>36</v>
      </c>
      <c r="N37" s="1">
        <v>4</v>
      </c>
      <c r="O37" s="1">
        <v>29</v>
      </c>
      <c r="P37" s="1">
        <v>347</v>
      </c>
      <c r="Q37" s="1">
        <v>135</v>
      </c>
      <c r="R37" s="1">
        <v>1</v>
      </c>
      <c r="S37" s="1">
        <v>206300</v>
      </c>
      <c r="T37" s="1">
        <v>6508</v>
      </c>
      <c r="U37" s="1">
        <v>3088</v>
      </c>
      <c r="V37" s="1">
        <v>91</v>
      </c>
    </row>
    <row r="38" spans="1:22" x14ac:dyDescent="0.7">
      <c r="A38" s="1" t="s">
        <v>66</v>
      </c>
      <c r="B38" s="1">
        <v>44943</v>
      </c>
      <c r="C38" s="1">
        <v>4261</v>
      </c>
      <c r="D38" s="1">
        <v>3783</v>
      </c>
      <c r="E38" s="1">
        <v>405</v>
      </c>
      <c r="F38" s="1">
        <v>11378</v>
      </c>
      <c r="G38" s="1">
        <v>4877</v>
      </c>
      <c r="H38" s="1">
        <v>3690</v>
      </c>
      <c r="I38" s="1">
        <v>3512</v>
      </c>
      <c r="J38" s="1">
        <v>108</v>
      </c>
      <c r="K38" s="1">
        <v>160</v>
      </c>
      <c r="L38" s="1">
        <v>75</v>
      </c>
      <c r="M38" s="1">
        <v>40</v>
      </c>
      <c r="N38" s="1">
        <v>4</v>
      </c>
      <c r="O38" s="1">
        <v>30</v>
      </c>
      <c r="P38" s="1">
        <v>474</v>
      </c>
      <c r="Q38" s="1">
        <v>211</v>
      </c>
      <c r="R38" s="1">
        <v>5</v>
      </c>
      <c r="S38" s="1">
        <v>276800</v>
      </c>
      <c r="T38" s="1">
        <v>7957</v>
      </c>
      <c r="U38" s="1">
        <v>4033</v>
      </c>
      <c r="V38" s="1">
        <v>76</v>
      </c>
    </row>
    <row r="39" spans="1:22" x14ac:dyDescent="0.7">
      <c r="A39" s="1" t="s">
        <v>67</v>
      </c>
      <c r="B39" s="1">
        <v>59710</v>
      </c>
      <c r="C39" s="1">
        <v>5925</v>
      </c>
      <c r="D39" s="1">
        <v>4529</v>
      </c>
      <c r="E39" s="1">
        <v>510</v>
      </c>
      <c r="F39" s="1">
        <v>15214</v>
      </c>
      <c r="G39" s="1">
        <v>6546</v>
      </c>
      <c r="H39" s="1">
        <v>5405</v>
      </c>
      <c r="I39" s="1">
        <v>5302</v>
      </c>
      <c r="J39" s="1">
        <v>114</v>
      </c>
      <c r="K39" s="1">
        <v>279</v>
      </c>
      <c r="L39" s="1">
        <v>131</v>
      </c>
      <c r="M39" s="1">
        <v>65</v>
      </c>
      <c r="N39" s="1">
        <v>5</v>
      </c>
      <c r="O39" s="1">
        <v>44</v>
      </c>
      <c r="P39" s="1">
        <v>650</v>
      </c>
      <c r="Q39" s="1">
        <v>256</v>
      </c>
      <c r="R39" s="1">
        <v>9</v>
      </c>
      <c r="S39" s="1">
        <v>381300</v>
      </c>
      <c r="T39" s="1">
        <v>11195</v>
      </c>
      <c r="U39" s="1">
        <v>5383</v>
      </c>
      <c r="V39" s="1">
        <v>121</v>
      </c>
    </row>
    <row r="40" spans="1:22" x14ac:dyDescent="0.7">
      <c r="A40" s="1" t="s">
        <v>68</v>
      </c>
      <c r="B40" s="1">
        <v>33064</v>
      </c>
      <c r="C40" s="1">
        <v>2894</v>
      </c>
      <c r="D40" s="1">
        <v>2090</v>
      </c>
      <c r="E40" s="1">
        <v>252</v>
      </c>
      <c r="F40" s="1">
        <v>8753</v>
      </c>
      <c r="G40" s="1">
        <v>4751</v>
      </c>
      <c r="H40" s="1">
        <v>3208</v>
      </c>
      <c r="I40" s="1">
        <v>2905</v>
      </c>
      <c r="J40" s="1">
        <v>36</v>
      </c>
      <c r="K40" s="1">
        <v>222</v>
      </c>
      <c r="L40" s="1">
        <v>122</v>
      </c>
      <c r="M40" s="1">
        <v>43</v>
      </c>
      <c r="N40" s="1">
        <v>5</v>
      </c>
      <c r="O40" s="1">
        <v>40</v>
      </c>
      <c r="P40" s="1">
        <v>381</v>
      </c>
      <c r="Q40" s="1">
        <v>106</v>
      </c>
      <c r="R40" s="1">
        <v>2</v>
      </c>
      <c r="S40" s="1">
        <v>202900</v>
      </c>
      <c r="T40" s="1">
        <v>6840</v>
      </c>
      <c r="U40" s="1">
        <v>3785</v>
      </c>
      <c r="V40" s="1">
        <v>108</v>
      </c>
    </row>
    <row r="41" spans="1:22" x14ac:dyDescent="0.7">
      <c r="A41" s="1" t="s">
        <v>69</v>
      </c>
      <c r="B41" s="1">
        <v>210530</v>
      </c>
      <c r="C41" s="1">
        <v>19769</v>
      </c>
      <c r="D41" s="1">
        <v>11417</v>
      </c>
      <c r="E41" s="1">
        <v>3180</v>
      </c>
      <c r="F41" s="1">
        <v>54567</v>
      </c>
      <c r="G41" s="1">
        <v>24756</v>
      </c>
      <c r="H41" s="1">
        <v>17527</v>
      </c>
      <c r="I41" s="1">
        <v>21144</v>
      </c>
      <c r="J41" s="1">
        <v>407</v>
      </c>
      <c r="K41" s="1">
        <v>714</v>
      </c>
      <c r="L41" s="1">
        <v>353</v>
      </c>
      <c r="M41" s="1">
        <v>163</v>
      </c>
      <c r="N41" s="1">
        <v>35</v>
      </c>
      <c r="O41" s="1">
        <v>114</v>
      </c>
      <c r="P41" s="1">
        <v>1284</v>
      </c>
      <c r="Q41" s="1">
        <v>1185</v>
      </c>
      <c r="R41" s="1">
        <v>23</v>
      </c>
      <c r="S41" s="1">
        <v>1238700</v>
      </c>
      <c r="T41" s="1">
        <v>37018</v>
      </c>
      <c r="U41" s="1">
        <v>20975</v>
      </c>
      <c r="V41" s="1">
        <v>390</v>
      </c>
    </row>
    <row r="42" spans="1:22" x14ac:dyDescent="0.7">
      <c r="A42" s="1" t="s">
        <v>70</v>
      </c>
      <c r="B42" s="1">
        <v>35815</v>
      </c>
      <c r="C42" s="1">
        <v>3376</v>
      </c>
      <c r="D42" s="1">
        <v>2666</v>
      </c>
      <c r="E42" s="1">
        <v>236</v>
      </c>
      <c r="F42" s="1">
        <v>9320</v>
      </c>
      <c r="G42" s="1">
        <v>4172</v>
      </c>
      <c r="H42" s="1">
        <v>3080</v>
      </c>
      <c r="I42" s="1">
        <v>3464</v>
      </c>
      <c r="J42" s="1">
        <v>46</v>
      </c>
      <c r="K42" s="1">
        <v>163</v>
      </c>
      <c r="L42" s="1">
        <v>91</v>
      </c>
      <c r="M42" s="1">
        <v>44</v>
      </c>
      <c r="N42" s="1">
        <v>2</v>
      </c>
      <c r="O42" s="1">
        <v>31</v>
      </c>
      <c r="P42" s="1">
        <v>491</v>
      </c>
      <c r="Q42" s="1">
        <v>156</v>
      </c>
      <c r="R42" s="1">
        <v>3</v>
      </c>
      <c r="S42" s="1">
        <v>211800</v>
      </c>
      <c r="T42" s="1">
        <v>7148</v>
      </c>
      <c r="U42" s="1">
        <v>3435</v>
      </c>
      <c r="V42" s="1">
        <v>82</v>
      </c>
    </row>
    <row r="43" spans="1:22" x14ac:dyDescent="0.7">
      <c r="A43" s="1" t="s">
        <v>71</v>
      </c>
      <c r="B43" s="1">
        <v>58382</v>
      </c>
      <c r="C43" s="1">
        <v>5502</v>
      </c>
      <c r="D43" s="1">
        <v>3556</v>
      </c>
      <c r="E43" s="1">
        <v>390</v>
      </c>
      <c r="F43" s="1">
        <v>15456</v>
      </c>
      <c r="G43" s="1">
        <v>6899</v>
      </c>
      <c r="H43" s="1">
        <v>5345</v>
      </c>
      <c r="I43" s="1">
        <v>6058</v>
      </c>
      <c r="J43" s="1">
        <v>96</v>
      </c>
      <c r="K43" s="1">
        <v>318</v>
      </c>
      <c r="L43" s="1">
        <v>184</v>
      </c>
      <c r="M43" s="1">
        <v>79</v>
      </c>
      <c r="N43" s="1">
        <v>8</v>
      </c>
      <c r="O43" s="1">
        <v>40</v>
      </c>
      <c r="P43" s="1">
        <v>817</v>
      </c>
      <c r="Q43" s="1">
        <v>174</v>
      </c>
      <c r="R43" s="1">
        <v>4</v>
      </c>
      <c r="S43" s="1">
        <v>348100</v>
      </c>
      <c r="T43" s="1">
        <v>11948</v>
      </c>
      <c r="U43" s="1">
        <v>5501</v>
      </c>
      <c r="V43" s="1">
        <v>119</v>
      </c>
    </row>
    <row r="44" spans="1:22" x14ac:dyDescent="0.7">
      <c r="A44" s="1" t="s">
        <v>72</v>
      </c>
      <c r="B44" s="1">
        <v>72744</v>
      </c>
      <c r="C44" s="1">
        <v>7351</v>
      </c>
      <c r="D44" s="1">
        <v>3978</v>
      </c>
      <c r="E44" s="1">
        <v>572</v>
      </c>
      <c r="F44" s="1">
        <v>18834</v>
      </c>
      <c r="G44" s="1">
        <v>8033</v>
      </c>
      <c r="H44" s="1">
        <v>6590</v>
      </c>
      <c r="I44" s="1">
        <v>7063</v>
      </c>
      <c r="J44" s="1">
        <v>97</v>
      </c>
      <c r="K44" s="1">
        <v>330</v>
      </c>
      <c r="L44" s="1">
        <v>170</v>
      </c>
      <c r="M44" s="1">
        <v>73</v>
      </c>
      <c r="N44" s="1">
        <v>9</v>
      </c>
      <c r="O44" s="1">
        <v>52</v>
      </c>
      <c r="P44" s="1">
        <v>907</v>
      </c>
      <c r="Q44" s="1">
        <v>300</v>
      </c>
      <c r="R44" s="1">
        <v>10</v>
      </c>
      <c r="S44" s="1">
        <v>451200</v>
      </c>
      <c r="T44" s="1">
        <v>14326</v>
      </c>
      <c r="U44" s="1">
        <v>6339</v>
      </c>
      <c r="V44" s="1">
        <v>165</v>
      </c>
    </row>
    <row r="45" spans="1:22" x14ac:dyDescent="0.7">
      <c r="A45" s="1" t="s">
        <v>73</v>
      </c>
      <c r="B45" s="1">
        <v>50589</v>
      </c>
      <c r="C45" s="1">
        <v>4899</v>
      </c>
      <c r="D45" s="1">
        <v>2832</v>
      </c>
      <c r="E45" s="1">
        <v>394</v>
      </c>
      <c r="F45" s="1">
        <v>12606</v>
      </c>
      <c r="G45" s="1">
        <v>6296</v>
      </c>
      <c r="H45" s="1">
        <v>4627</v>
      </c>
      <c r="I45" s="1">
        <v>4691</v>
      </c>
      <c r="J45" s="1">
        <v>141</v>
      </c>
      <c r="K45" s="1">
        <v>260</v>
      </c>
      <c r="L45" s="1">
        <v>127</v>
      </c>
      <c r="M45" s="1">
        <v>54</v>
      </c>
      <c r="N45" s="1">
        <v>5</v>
      </c>
      <c r="O45" s="1">
        <v>33</v>
      </c>
      <c r="P45" s="1">
        <v>569</v>
      </c>
      <c r="Q45" s="1">
        <v>257</v>
      </c>
      <c r="R45" s="1">
        <v>7</v>
      </c>
      <c r="S45" s="1">
        <v>302800</v>
      </c>
      <c r="T45" s="1">
        <v>9680</v>
      </c>
      <c r="U45" s="1">
        <v>4736</v>
      </c>
      <c r="V45" s="1">
        <v>126</v>
      </c>
    </row>
    <row r="46" spans="1:22" x14ac:dyDescent="0.7">
      <c r="A46" s="1" t="s">
        <v>74</v>
      </c>
      <c r="B46" s="1">
        <v>48940</v>
      </c>
      <c r="C46" s="1">
        <v>4860</v>
      </c>
      <c r="D46" s="1">
        <v>2795</v>
      </c>
      <c r="E46" s="1">
        <v>347</v>
      </c>
      <c r="F46" s="1">
        <v>12268</v>
      </c>
      <c r="G46" s="1">
        <v>6509</v>
      </c>
      <c r="H46" s="1">
        <v>4815</v>
      </c>
      <c r="I46" s="1">
        <v>4794</v>
      </c>
      <c r="J46" s="1">
        <v>88</v>
      </c>
      <c r="K46" s="1">
        <v>232</v>
      </c>
      <c r="L46" s="1">
        <v>132</v>
      </c>
      <c r="M46" s="1">
        <v>51</v>
      </c>
      <c r="N46" s="1">
        <v>7</v>
      </c>
      <c r="O46" s="1">
        <v>34</v>
      </c>
      <c r="P46" s="1">
        <v>663</v>
      </c>
      <c r="Q46" s="1">
        <v>244</v>
      </c>
      <c r="R46" s="1">
        <v>5</v>
      </c>
      <c r="S46" s="1">
        <v>304400</v>
      </c>
      <c r="T46" s="1">
        <v>9351</v>
      </c>
      <c r="U46" s="1">
        <v>5519</v>
      </c>
      <c r="V46" s="1">
        <v>115</v>
      </c>
    </row>
    <row r="47" spans="1:22" x14ac:dyDescent="0.7">
      <c r="A47" s="1" t="s">
        <v>75</v>
      </c>
      <c r="B47" s="1">
        <v>71793</v>
      </c>
      <c r="C47" s="1">
        <v>6442</v>
      </c>
      <c r="D47" s="1">
        <v>4529</v>
      </c>
      <c r="E47" s="1">
        <v>492</v>
      </c>
      <c r="F47" s="1">
        <v>18837</v>
      </c>
      <c r="G47" s="1">
        <v>8636</v>
      </c>
      <c r="H47" s="1">
        <v>6677</v>
      </c>
      <c r="I47" s="1">
        <v>7324</v>
      </c>
      <c r="J47" s="1">
        <v>134</v>
      </c>
      <c r="K47" s="1">
        <v>491</v>
      </c>
      <c r="L47" s="1">
        <v>220</v>
      </c>
      <c r="M47" s="1">
        <v>89</v>
      </c>
      <c r="N47" s="1">
        <v>6</v>
      </c>
      <c r="O47" s="1">
        <v>63</v>
      </c>
      <c r="P47" s="1">
        <v>1008</v>
      </c>
      <c r="Q47" s="1">
        <v>433</v>
      </c>
      <c r="R47" s="1">
        <v>5</v>
      </c>
      <c r="S47" s="1">
        <v>450300</v>
      </c>
      <c r="T47" s="1">
        <v>14346</v>
      </c>
      <c r="U47" s="1">
        <v>6756</v>
      </c>
      <c r="V47" s="1">
        <v>193</v>
      </c>
    </row>
    <row r="48" spans="1:22" x14ac:dyDescent="0.7">
      <c r="A48" s="1" t="s">
        <v>76</v>
      </c>
      <c r="B48" s="1">
        <v>63593</v>
      </c>
      <c r="C48" s="1">
        <v>2765</v>
      </c>
      <c r="D48" s="1">
        <v>782</v>
      </c>
      <c r="E48" s="1">
        <v>14478</v>
      </c>
      <c r="F48" s="1">
        <v>10393</v>
      </c>
      <c r="G48" s="1">
        <v>5701</v>
      </c>
      <c r="H48" s="1">
        <v>6018</v>
      </c>
      <c r="I48" s="1">
        <v>6518</v>
      </c>
      <c r="J48" s="1">
        <v>151</v>
      </c>
      <c r="K48" s="1">
        <v>266</v>
      </c>
      <c r="L48" s="1">
        <v>150</v>
      </c>
      <c r="M48" s="1">
        <v>8</v>
      </c>
      <c r="N48" s="1">
        <v>39</v>
      </c>
      <c r="O48" s="1">
        <v>434</v>
      </c>
      <c r="P48" s="1">
        <v>439</v>
      </c>
      <c r="Q48" s="1">
        <v>11</v>
      </c>
      <c r="R48" s="1">
        <v>267100</v>
      </c>
      <c r="S48" s="1">
        <v>11398</v>
      </c>
      <c r="T48" s="1">
        <v>8495</v>
      </c>
      <c r="U48" s="1">
        <v>77</v>
      </c>
      <c r="V48" s="1">
        <v>251222</v>
      </c>
    </row>
  </sheetData>
  <phoneticPr fontId="1"/>
  <hyperlinks>
    <hyperlink ref="X6" r:id="rId1" location="SSDSE-E" xr:uid="{E8F28F9F-7C4E-46AA-94DE-37F84546829A}"/>
  </hyperlink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99E1EB-430B-41E1-9C7A-88B66758583A}">
  <sheetPr>
    <tabColor theme="4" tint="0.39997558519241921"/>
  </sheetPr>
  <dimension ref="A1:K48"/>
  <sheetViews>
    <sheetView workbookViewId="0">
      <selection activeCell="J49" sqref="J49"/>
    </sheetView>
  </sheetViews>
  <sheetFormatPr defaultRowHeight="17.649999999999999" x14ac:dyDescent="0.7"/>
  <cols>
    <col min="1" max="1" width="12.375" customWidth="1"/>
    <col min="2" max="2" width="12.625" customWidth="1"/>
    <col min="9" max="9" width="8.75" style="1"/>
    <col min="10" max="10" width="20.625" customWidth="1"/>
    <col min="11" max="11" width="10.25" bestFit="1" customWidth="1"/>
  </cols>
  <sheetData>
    <row r="1" spans="1:11" ht="21.75" thickBot="1" x14ac:dyDescent="0.75">
      <c r="A1" s="2" t="s">
        <v>89</v>
      </c>
      <c r="B1" s="32">
        <f>IFERROR(ROUND(CORREL(J2:J48, K2:K48), 10),"")</f>
        <v>0.3295258063</v>
      </c>
      <c r="J1" s="22" t="s">
        <v>28</v>
      </c>
      <c r="K1" s="4" t="s">
        <v>0</v>
      </c>
    </row>
    <row r="2" spans="1:11" x14ac:dyDescent="0.7">
      <c r="I2" s="1" t="s">
        <v>30</v>
      </c>
      <c r="J2" s="5">
        <v>1446</v>
      </c>
      <c r="K2" s="3">
        <v>65.099999999999994</v>
      </c>
    </row>
    <row r="3" spans="1:11" x14ac:dyDescent="0.7">
      <c r="I3" s="1" t="s">
        <v>31</v>
      </c>
      <c r="J3" s="5">
        <v>2043</v>
      </c>
      <c r="K3" s="3">
        <v>66</v>
      </c>
    </row>
    <row r="4" spans="1:11" x14ac:dyDescent="0.7">
      <c r="I4" s="1" t="s">
        <v>32</v>
      </c>
      <c r="J4" s="5">
        <v>2010</v>
      </c>
      <c r="K4" s="3">
        <v>64.3</v>
      </c>
    </row>
    <row r="5" spans="1:11" x14ac:dyDescent="0.7">
      <c r="I5" s="1" t="s">
        <v>33</v>
      </c>
      <c r="J5" s="5">
        <v>2188</v>
      </c>
      <c r="K5" s="3">
        <v>61.6</v>
      </c>
    </row>
    <row r="6" spans="1:11" x14ac:dyDescent="0.7">
      <c r="I6" s="1" t="s">
        <v>34</v>
      </c>
      <c r="J6" s="5">
        <v>2163</v>
      </c>
      <c r="K6" s="3">
        <v>65.7</v>
      </c>
    </row>
    <row r="7" spans="1:11" x14ac:dyDescent="0.7">
      <c r="I7" s="1" t="s">
        <v>35</v>
      </c>
      <c r="J7" s="5">
        <v>2046</v>
      </c>
      <c r="K7" s="3">
        <v>64.3</v>
      </c>
    </row>
    <row r="8" spans="1:11" x14ac:dyDescent="0.7">
      <c r="I8" s="1" t="s">
        <v>36</v>
      </c>
      <c r="J8" s="5">
        <v>1899</v>
      </c>
      <c r="K8" s="3">
        <v>64.599999999999994</v>
      </c>
    </row>
    <row r="9" spans="1:11" x14ac:dyDescent="0.7">
      <c r="I9" s="1" t="s">
        <v>37</v>
      </c>
      <c r="J9" s="5">
        <v>2014</v>
      </c>
      <c r="K9" s="3">
        <v>64.599999999999994</v>
      </c>
    </row>
    <row r="10" spans="1:11" x14ac:dyDescent="0.7">
      <c r="I10" s="1" t="s">
        <v>38</v>
      </c>
      <c r="J10" s="5">
        <v>2942</v>
      </c>
      <c r="K10" s="3">
        <v>66.3</v>
      </c>
    </row>
    <row r="11" spans="1:11" x14ac:dyDescent="0.7">
      <c r="I11" s="1" t="s">
        <v>39</v>
      </c>
      <c r="J11" s="5">
        <v>1989</v>
      </c>
      <c r="K11" s="3">
        <v>66</v>
      </c>
    </row>
    <row r="12" spans="1:11" x14ac:dyDescent="0.7">
      <c r="I12" s="1" t="s">
        <v>40</v>
      </c>
      <c r="J12" s="5">
        <v>2757</v>
      </c>
      <c r="K12" s="3">
        <v>65.5</v>
      </c>
    </row>
    <row r="13" spans="1:11" x14ac:dyDescent="0.7">
      <c r="I13" s="1" t="s">
        <v>41</v>
      </c>
      <c r="J13" s="5">
        <v>2553</v>
      </c>
      <c r="K13" s="3">
        <v>61.9</v>
      </c>
    </row>
    <row r="14" spans="1:11" x14ac:dyDescent="0.7">
      <c r="I14" s="1" t="s">
        <v>42</v>
      </c>
      <c r="J14" s="5">
        <v>2947</v>
      </c>
      <c r="K14" s="3">
        <v>64</v>
      </c>
    </row>
    <row r="15" spans="1:11" x14ac:dyDescent="0.7">
      <c r="I15" s="1" t="s">
        <v>43</v>
      </c>
      <c r="J15" s="5">
        <v>2563</v>
      </c>
      <c r="K15" s="3">
        <v>60.2</v>
      </c>
    </row>
    <row r="16" spans="1:11" x14ac:dyDescent="0.7">
      <c r="A16" s="43" t="s">
        <v>91</v>
      </c>
      <c r="B16" s="43"/>
      <c r="C16" s="43"/>
      <c r="D16" s="43"/>
      <c r="E16" s="43"/>
      <c r="F16" s="43"/>
      <c r="G16" s="43"/>
      <c r="I16" s="1" t="s">
        <v>44</v>
      </c>
      <c r="J16" s="5">
        <v>1519</v>
      </c>
      <c r="K16" s="3">
        <v>61.6</v>
      </c>
    </row>
    <row r="17" spans="1:11" x14ac:dyDescent="0.7">
      <c r="A17" s="43"/>
      <c r="B17" s="43"/>
      <c r="C17" s="43"/>
      <c r="D17" s="43"/>
      <c r="E17" s="43"/>
      <c r="F17" s="43"/>
      <c r="G17" s="43"/>
      <c r="I17" s="1" t="s">
        <v>45</v>
      </c>
      <c r="J17" s="5">
        <v>2520</v>
      </c>
      <c r="K17" s="3">
        <v>64</v>
      </c>
    </row>
    <row r="18" spans="1:11" x14ac:dyDescent="0.7">
      <c r="I18" s="1" t="s">
        <v>46</v>
      </c>
      <c r="J18" s="5">
        <v>2861</v>
      </c>
      <c r="K18" s="3">
        <v>67.099999999999994</v>
      </c>
    </row>
    <row r="19" spans="1:11" x14ac:dyDescent="0.7">
      <c r="I19" s="1" t="s">
        <v>47</v>
      </c>
      <c r="J19" s="5">
        <v>1660</v>
      </c>
      <c r="K19" s="3">
        <v>69</v>
      </c>
    </row>
    <row r="20" spans="1:11" x14ac:dyDescent="0.7">
      <c r="I20" s="1" t="s">
        <v>48</v>
      </c>
      <c r="J20" s="5">
        <v>2212</v>
      </c>
      <c r="K20" s="3">
        <v>68.3</v>
      </c>
    </row>
    <row r="21" spans="1:11" x14ac:dyDescent="0.7">
      <c r="I21" s="1" t="s">
        <v>49</v>
      </c>
      <c r="J21" s="5">
        <v>2292</v>
      </c>
      <c r="K21" s="3">
        <v>65</v>
      </c>
    </row>
    <row r="22" spans="1:11" x14ac:dyDescent="0.7">
      <c r="I22" s="1" t="s">
        <v>50</v>
      </c>
      <c r="J22" s="5">
        <v>2512</v>
      </c>
      <c r="K22" s="3">
        <v>64.5</v>
      </c>
    </row>
    <row r="23" spans="1:11" x14ac:dyDescent="0.7">
      <c r="I23" s="1" t="s">
        <v>51</v>
      </c>
      <c r="J23" s="5">
        <v>3563</v>
      </c>
      <c r="K23" s="3">
        <v>62.5</v>
      </c>
    </row>
    <row r="24" spans="1:11" x14ac:dyDescent="0.7">
      <c r="I24" s="1" t="s">
        <v>52</v>
      </c>
      <c r="J24" s="5">
        <v>3124</v>
      </c>
      <c r="K24" s="3">
        <v>62.3</v>
      </c>
    </row>
    <row r="25" spans="1:11" x14ac:dyDescent="0.7">
      <c r="I25" s="1" t="s">
        <v>53</v>
      </c>
      <c r="J25" s="5">
        <v>2381</v>
      </c>
      <c r="K25" s="3">
        <v>67.400000000000006</v>
      </c>
    </row>
    <row r="26" spans="1:11" x14ac:dyDescent="0.7">
      <c r="I26" s="1" t="s">
        <v>54</v>
      </c>
      <c r="J26" s="5">
        <v>2811</v>
      </c>
      <c r="K26" s="3">
        <v>67.400000000000006</v>
      </c>
    </row>
    <row r="27" spans="1:11" x14ac:dyDescent="0.7">
      <c r="I27" s="1" t="s">
        <v>55</v>
      </c>
      <c r="J27" s="5">
        <v>4050</v>
      </c>
      <c r="K27" s="3">
        <v>65.8</v>
      </c>
    </row>
    <row r="28" spans="1:11" x14ac:dyDescent="0.7">
      <c r="I28" s="1" t="s">
        <v>56</v>
      </c>
      <c r="J28" s="5">
        <v>2828</v>
      </c>
      <c r="K28" s="3">
        <v>60.6</v>
      </c>
    </row>
    <row r="29" spans="1:11" x14ac:dyDescent="0.7">
      <c r="I29" s="1" t="s">
        <v>57</v>
      </c>
      <c r="J29" s="5">
        <v>3396</v>
      </c>
      <c r="K29" s="3">
        <v>65.2</v>
      </c>
    </row>
    <row r="30" spans="1:11" x14ac:dyDescent="0.7">
      <c r="I30" s="1" t="s">
        <v>58</v>
      </c>
      <c r="J30" s="5">
        <v>2831</v>
      </c>
      <c r="K30" s="3">
        <v>68.5</v>
      </c>
    </row>
    <row r="31" spans="1:11" x14ac:dyDescent="0.7">
      <c r="I31" s="1" t="s">
        <v>59</v>
      </c>
      <c r="J31" s="5">
        <v>3697</v>
      </c>
      <c r="K31" s="3">
        <v>69.599999999999994</v>
      </c>
    </row>
    <row r="32" spans="1:11" x14ac:dyDescent="0.7">
      <c r="I32" s="1" t="s">
        <v>60</v>
      </c>
      <c r="J32" s="5">
        <v>2376</v>
      </c>
      <c r="K32" s="3">
        <v>64.8</v>
      </c>
    </row>
    <row r="33" spans="9:11" x14ac:dyDescent="0.7">
      <c r="I33" s="1" t="s">
        <v>61</v>
      </c>
      <c r="J33" s="5">
        <v>3174</v>
      </c>
      <c r="K33" s="3">
        <v>66</v>
      </c>
    </row>
    <row r="34" spans="9:11" x14ac:dyDescent="0.7">
      <c r="I34" s="1" t="s">
        <v>62</v>
      </c>
      <c r="J34" s="5">
        <v>1915</v>
      </c>
      <c r="K34" s="3">
        <v>67.900000000000006</v>
      </c>
    </row>
    <row r="35" spans="9:11" x14ac:dyDescent="0.7">
      <c r="I35" s="1" t="s">
        <v>63</v>
      </c>
      <c r="J35" s="5">
        <v>1946</v>
      </c>
      <c r="K35" s="3">
        <v>66.8</v>
      </c>
    </row>
    <row r="36" spans="9:11" x14ac:dyDescent="0.7">
      <c r="I36" s="1" t="s">
        <v>64</v>
      </c>
      <c r="J36" s="5">
        <v>1770</v>
      </c>
      <c r="K36" s="3">
        <v>67.099999999999994</v>
      </c>
    </row>
    <row r="37" spans="9:11" x14ac:dyDescent="0.7">
      <c r="I37" s="1" t="s">
        <v>65</v>
      </c>
      <c r="J37" s="5">
        <v>2529</v>
      </c>
      <c r="K37" s="3">
        <v>67.3</v>
      </c>
    </row>
    <row r="38" spans="9:11" x14ac:dyDescent="0.7">
      <c r="I38" s="1" t="s">
        <v>66</v>
      </c>
      <c r="J38" s="5">
        <v>2409</v>
      </c>
      <c r="K38" s="3">
        <v>68.2</v>
      </c>
    </row>
    <row r="39" spans="9:11" x14ac:dyDescent="0.7">
      <c r="I39" s="1" t="s">
        <v>67</v>
      </c>
      <c r="J39" s="5">
        <v>1837</v>
      </c>
      <c r="K39" s="3">
        <v>65.599999999999994</v>
      </c>
    </row>
    <row r="40" spans="9:11" x14ac:dyDescent="0.7">
      <c r="I40" s="1" t="s">
        <v>68</v>
      </c>
      <c r="J40" s="5">
        <v>2007</v>
      </c>
      <c r="K40" s="3">
        <v>67.599999999999994</v>
      </c>
    </row>
    <row r="41" spans="9:11" x14ac:dyDescent="0.7">
      <c r="I41" s="1" t="s">
        <v>69</v>
      </c>
      <c r="J41" s="5">
        <v>1523</v>
      </c>
      <c r="K41" s="3">
        <v>64.7</v>
      </c>
    </row>
    <row r="42" spans="9:11" x14ac:dyDescent="0.7">
      <c r="I42" s="1" t="s">
        <v>70</v>
      </c>
      <c r="J42" s="5">
        <v>1774</v>
      </c>
      <c r="K42" s="3">
        <v>67.099999999999994</v>
      </c>
    </row>
    <row r="43" spans="9:11" x14ac:dyDescent="0.7">
      <c r="I43" s="1" t="s">
        <v>71</v>
      </c>
      <c r="J43" s="5">
        <v>2153</v>
      </c>
      <c r="K43" s="3">
        <v>67</v>
      </c>
    </row>
    <row r="44" spans="9:11" x14ac:dyDescent="0.7">
      <c r="I44" s="1" t="s">
        <v>72</v>
      </c>
      <c r="J44" s="5">
        <v>1631</v>
      </c>
      <c r="K44" s="3">
        <v>66.3</v>
      </c>
    </row>
    <row r="45" spans="9:11" x14ac:dyDescent="0.7">
      <c r="I45" s="1" t="s">
        <v>73</v>
      </c>
      <c r="J45" s="5">
        <v>1869</v>
      </c>
      <c r="K45" s="3">
        <v>70.8</v>
      </c>
    </row>
    <row r="46" spans="9:11" x14ac:dyDescent="0.7">
      <c r="I46" s="1" t="s">
        <v>74</v>
      </c>
      <c r="J46" s="5">
        <v>2832</v>
      </c>
      <c r="K46" s="3">
        <v>69.900000000000006</v>
      </c>
    </row>
    <row r="47" spans="9:11" x14ac:dyDescent="0.7">
      <c r="I47" s="1" t="s">
        <v>75</v>
      </c>
      <c r="J47" s="5">
        <v>3013</v>
      </c>
      <c r="K47" s="3">
        <v>68.900000000000006</v>
      </c>
    </row>
    <row r="48" spans="9:11" x14ac:dyDescent="0.7">
      <c r="I48" s="1" t="s">
        <v>76</v>
      </c>
      <c r="J48" s="5">
        <v>13594</v>
      </c>
      <c r="K48" s="3">
        <v>72.2</v>
      </c>
    </row>
  </sheetData>
  <mergeCells count="1">
    <mergeCell ref="A16:G17"/>
  </mergeCells>
  <phoneticPr fontId="1"/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F1A078-0911-43B6-BE49-CC4F76554DAE}">
  <sheetPr>
    <tabColor theme="4" tint="0.39997558519241921"/>
  </sheetPr>
  <dimension ref="A1:K48"/>
  <sheetViews>
    <sheetView workbookViewId="0">
      <selection activeCell="B1" sqref="B1"/>
    </sheetView>
  </sheetViews>
  <sheetFormatPr defaultRowHeight="17.649999999999999" x14ac:dyDescent="0.7"/>
  <cols>
    <col min="1" max="1" width="12.375" customWidth="1"/>
    <col min="2" max="2" width="12.625" customWidth="1"/>
    <col min="9" max="9" width="8.75" style="1"/>
    <col min="10" max="10" width="20.625" customWidth="1"/>
    <col min="11" max="11" width="10.25" bestFit="1" customWidth="1"/>
  </cols>
  <sheetData>
    <row r="1" spans="1:11" ht="21.75" thickBot="1" x14ac:dyDescent="0.75">
      <c r="A1" s="2" t="s">
        <v>89</v>
      </c>
      <c r="B1" s="32" t="str">
        <f>IFERROR(ROUND(CORREL(J2:J48, K2:K48), 2),"")</f>
        <v/>
      </c>
      <c r="I1" s="6"/>
      <c r="J1" s="10" t="s">
        <v>90</v>
      </c>
      <c r="K1" s="7" t="s">
        <v>0</v>
      </c>
    </row>
    <row r="2" spans="1:11" x14ac:dyDescent="0.7">
      <c r="I2" s="6" t="s">
        <v>30</v>
      </c>
      <c r="J2" s="8"/>
      <c r="K2" s="9">
        <v>65.099999999999994</v>
      </c>
    </row>
    <row r="3" spans="1:11" x14ac:dyDescent="0.7">
      <c r="I3" s="6" t="s">
        <v>31</v>
      </c>
      <c r="J3" s="8"/>
      <c r="K3" s="9">
        <v>66</v>
      </c>
    </row>
    <row r="4" spans="1:11" x14ac:dyDescent="0.7">
      <c r="I4" s="6" t="s">
        <v>32</v>
      </c>
      <c r="J4" s="8"/>
      <c r="K4" s="9">
        <v>64.3</v>
      </c>
    </row>
    <row r="5" spans="1:11" x14ac:dyDescent="0.7">
      <c r="I5" s="6" t="s">
        <v>33</v>
      </c>
      <c r="J5" s="8"/>
      <c r="K5" s="9">
        <v>61.6</v>
      </c>
    </row>
    <row r="6" spans="1:11" x14ac:dyDescent="0.7">
      <c r="I6" s="6" t="s">
        <v>34</v>
      </c>
      <c r="J6" s="8"/>
      <c r="K6" s="9">
        <v>65.7</v>
      </c>
    </row>
    <row r="7" spans="1:11" x14ac:dyDescent="0.7">
      <c r="I7" s="6" t="s">
        <v>35</v>
      </c>
      <c r="J7" s="8"/>
      <c r="K7" s="9">
        <v>64.3</v>
      </c>
    </row>
    <row r="8" spans="1:11" x14ac:dyDescent="0.7">
      <c r="I8" s="6" t="s">
        <v>36</v>
      </c>
      <c r="J8" s="8"/>
      <c r="K8" s="9">
        <v>64.599999999999994</v>
      </c>
    </row>
    <row r="9" spans="1:11" x14ac:dyDescent="0.7">
      <c r="I9" s="6" t="s">
        <v>37</v>
      </c>
      <c r="J9" s="8"/>
      <c r="K9" s="9">
        <v>64.599999999999994</v>
      </c>
    </row>
    <row r="10" spans="1:11" x14ac:dyDescent="0.7">
      <c r="I10" s="6" t="s">
        <v>38</v>
      </c>
      <c r="J10" s="8"/>
      <c r="K10" s="9">
        <v>66.3</v>
      </c>
    </row>
    <row r="11" spans="1:11" x14ac:dyDescent="0.7">
      <c r="I11" s="6" t="s">
        <v>39</v>
      </c>
      <c r="J11" s="8"/>
      <c r="K11" s="9">
        <v>66</v>
      </c>
    </row>
    <row r="12" spans="1:11" x14ac:dyDescent="0.7">
      <c r="I12" s="6" t="s">
        <v>40</v>
      </c>
      <c r="J12" s="8"/>
      <c r="K12" s="9">
        <v>65.5</v>
      </c>
    </row>
    <row r="13" spans="1:11" x14ac:dyDescent="0.7">
      <c r="I13" s="6" t="s">
        <v>41</v>
      </c>
      <c r="J13" s="8"/>
      <c r="K13" s="9">
        <v>61.9</v>
      </c>
    </row>
    <row r="14" spans="1:11" x14ac:dyDescent="0.7">
      <c r="I14" s="6" t="s">
        <v>42</v>
      </c>
      <c r="J14" s="8"/>
      <c r="K14" s="9">
        <v>64</v>
      </c>
    </row>
    <row r="15" spans="1:11" x14ac:dyDescent="0.7">
      <c r="I15" s="6" t="s">
        <v>43</v>
      </c>
      <c r="J15" s="8"/>
      <c r="K15" s="9">
        <v>60.2</v>
      </c>
    </row>
    <row r="16" spans="1:11" ht="18" customHeight="1" x14ac:dyDescent="0.7">
      <c r="A16" s="43" t="s">
        <v>91</v>
      </c>
      <c r="B16" s="43"/>
      <c r="C16" s="43"/>
      <c r="D16" s="43"/>
      <c r="E16" s="43"/>
      <c r="F16" s="43"/>
      <c r="G16" s="43"/>
      <c r="I16" s="6" t="s">
        <v>44</v>
      </c>
      <c r="J16" s="8"/>
      <c r="K16" s="9">
        <v>61.6</v>
      </c>
    </row>
    <row r="17" spans="1:11" x14ac:dyDescent="0.7">
      <c r="A17" s="43"/>
      <c r="B17" s="43"/>
      <c r="C17" s="43"/>
      <c r="D17" s="43"/>
      <c r="E17" s="43"/>
      <c r="F17" s="43"/>
      <c r="G17" s="43"/>
      <c r="I17" s="6" t="s">
        <v>45</v>
      </c>
      <c r="J17" s="8"/>
      <c r="K17" s="9">
        <v>64</v>
      </c>
    </row>
    <row r="18" spans="1:11" x14ac:dyDescent="0.7">
      <c r="I18" s="6" t="s">
        <v>46</v>
      </c>
      <c r="J18" s="8"/>
      <c r="K18" s="9">
        <v>67.099999999999994</v>
      </c>
    </row>
    <row r="19" spans="1:11" x14ac:dyDescent="0.7">
      <c r="I19" s="6" t="s">
        <v>47</v>
      </c>
      <c r="J19" s="8"/>
      <c r="K19" s="9">
        <v>69</v>
      </c>
    </row>
    <row r="20" spans="1:11" x14ac:dyDescent="0.7">
      <c r="I20" s="6" t="s">
        <v>48</v>
      </c>
      <c r="J20" s="8"/>
      <c r="K20" s="9">
        <v>68.3</v>
      </c>
    </row>
    <row r="21" spans="1:11" x14ac:dyDescent="0.7">
      <c r="I21" s="6" t="s">
        <v>49</v>
      </c>
      <c r="J21" s="8"/>
      <c r="K21" s="9">
        <v>65</v>
      </c>
    </row>
    <row r="22" spans="1:11" x14ac:dyDescent="0.7">
      <c r="I22" s="6" t="s">
        <v>50</v>
      </c>
      <c r="J22" s="8"/>
      <c r="K22" s="9">
        <v>64.5</v>
      </c>
    </row>
    <row r="23" spans="1:11" x14ac:dyDescent="0.7">
      <c r="I23" s="6" t="s">
        <v>51</v>
      </c>
      <c r="J23" s="8"/>
      <c r="K23" s="9">
        <v>62.5</v>
      </c>
    </row>
    <row r="24" spans="1:11" x14ac:dyDescent="0.7">
      <c r="I24" s="6" t="s">
        <v>52</v>
      </c>
      <c r="J24" s="8"/>
      <c r="K24" s="9">
        <v>62.3</v>
      </c>
    </row>
    <row r="25" spans="1:11" x14ac:dyDescent="0.7">
      <c r="I25" s="6" t="s">
        <v>53</v>
      </c>
      <c r="J25" s="8"/>
      <c r="K25" s="9">
        <v>67.400000000000006</v>
      </c>
    </row>
    <row r="26" spans="1:11" x14ac:dyDescent="0.7">
      <c r="I26" s="6" t="s">
        <v>54</v>
      </c>
      <c r="J26" s="8"/>
      <c r="K26" s="9">
        <v>67.400000000000006</v>
      </c>
    </row>
    <row r="27" spans="1:11" x14ac:dyDescent="0.7">
      <c r="I27" s="6" t="s">
        <v>55</v>
      </c>
      <c r="J27" s="8"/>
      <c r="K27" s="9">
        <v>65.8</v>
      </c>
    </row>
    <row r="28" spans="1:11" x14ac:dyDescent="0.7">
      <c r="I28" s="6" t="s">
        <v>56</v>
      </c>
      <c r="J28" s="8"/>
      <c r="K28" s="9">
        <v>60.6</v>
      </c>
    </row>
    <row r="29" spans="1:11" x14ac:dyDescent="0.7">
      <c r="I29" s="6" t="s">
        <v>57</v>
      </c>
      <c r="J29" s="8"/>
      <c r="K29" s="9">
        <v>65.2</v>
      </c>
    </row>
    <row r="30" spans="1:11" x14ac:dyDescent="0.7">
      <c r="I30" s="6" t="s">
        <v>58</v>
      </c>
      <c r="J30" s="8"/>
      <c r="K30" s="9">
        <v>68.5</v>
      </c>
    </row>
    <row r="31" spans="1:11" x14ac:dyDescent="0.7">
      <c r="I31" s="6" t="s">
        <v>59</v>
      </c>
      <c r="J31" s="8"/>
      <c r="K31" s="9">
        <v>69.599999999999994</v>
      </c>
    </row>
    <row r="32" spans="1:11" x14ac:dyDescent="0.7">
      <c r="I32" s="6" t="s">
        <v>60</v>
      </c>
      <c r="J32" s="8"/>
      <c r="K32" s="9">
        <v>64.8</v>
      </c>
    </row>
    <row r="33" spans="9:11" x14ac:dyDescent="0.7">
      <c r="I33" s="6" t="s">
        <v>61</v>
      </c>
      <c r="J33" s="8"/>
      <c r="K33" s="9">
        <v>66</v>
      </c>
    </row>
    <row r="34" spans="9:11" x14ac:dyDescent="0.7">
      <c r="I34" s="6" t="s">
        <v>62</v>
      </c>
      <c r="J34" s="8"/>
      <c r="K34" s="9">
        <v>67.900000000000006</v>
      </c>
    </row>
    <row r="35" spans="9:11" x14ac:dyDescent="0.7">
      <c r="I35" s="6" t="s">
        <v>63</v>
      </c>
      <c r="J35" s="8"/>
      <c r="K35" s="9">
        <v>66.8</v>
      </c>
    </row>
    <row r="36" spans="9:11" x14ac:dyDescent="0.7">
      <c r="I36" s="6" t="s">
        <v>64</v>
      </c>
      <c r="J36" s="8"/>
      <c r="K36" s="9">
        <v>67.099999999999994</v>
      </c>
    </row>
    <row r="37" spans="9:11" x14ac:dyDescent="0.7">
      <c r="I37" s="6" t="s">
        <v>65</v>
      </c>
      <c r="J37" s="8"/>
      <c r="K37" s="9">
        <v>67.3</v>
      </c>
    </row>
    <row r="38" spans="9:11" x14ac:dyDescent="0.7">
      <c r="I38" s="6" t="s">
        <v>66</v>
      </c>
      <c r="J38" s="8"/>
      <c r="K38" s="9">
        <v>68.2</v>
      </c>
    </row>
    <row r="39" spans="9:11" x14ac:dyDescent="0.7">
      <c r="I39" s="6" t="s">
        <v>67</v>
      </c>
      <c r="J39" s="8"/>
      <c r="K39" s="9">
        <v>65.599999999999994</v>
      </c>
    </row>
    <row r="40" spans="9:11" x14ac:dyDescent="0.7">
      <c r="I40" s="6" t="s">
        <v>68</v>
      </c>
      <c r="J40" s="8"/>
      <c r="K40" s="9">
        <v>67.599999999999994</v>
      </c>
    </row>
    <row r="41" spans="9:11" x14ac:dyDescent="0.7">
      <c r="I41" s="6" t="s">
        <v>69</v>
      </c>
      <c r="J41" s="8"/>
      <c r="K41" s="9">
        <v>64.7</v>
      </c>
    </row>
    <row r="42" spans="9:11" x14ac:dyDescent="0.7">
      <c r="I42" s="6" t="s">
        <v>70</v>
      </c>
      <c r="J42" s="8"/>
      <c r="K42" s="9">
        <v>67.099999999999994</v>
      </c>
    </row>
    <row r="43" spans="9:11" x14ac:dyDescent="0.7">
      <c r="I43" s="6" t="s">
        <v>71</v>
      </c>
      <c r="J43" s="8"/>
      <c r="K43" s="9">
        <v>67</v>
      </c>
    </row>
    <row r="44" spans="9:11" x14ac:dyDescent="0.7">
      <c r="I44" s="6" t="s">
        <v>72</v>
      </c>
      <c r="J44" s="8"/>
      <c r="K44" s="9">
        <v>66.3</v>
      </c>
    </row>
    <row r="45" spans="9:11" x14ac:dyDescent="0.7">
      <c r="I45" s="6" t="s">
        <v>73</v>
      </c>
      <c r="J45" s="8"/>
      <c r="K45" s="9">
        <v>70.8</v>
      </c>
    </row>
    <row r="46" spans="9:11" x14ac:dyDescent="0.7">
      <c r="I46" s="6" t="s">
        <v>74</v>
      </c>
      <c r="J46" s="8"/>
      <c r="K46" s="9">
        <v>69.900000000000006</v>
      </c>
    </row>
    <row r="47" spans="9:11" x14ac:dyDescent="0.7">
      <c r="I47" s="6" t="s">
        <v>75</v>
      </c>
      <c r="J47" s="8"/>
      <c r="K47" s="9">
        <v>68.900000000000006</v>
      </c>
    </row>
    <row r="48" spans="9:11" x14ac:dyDescent="0.7">
      <c r="I48" s="6" t="s">
        <v>76</v>
      </c>
      <c r="J48" s="8"/>
      <c r="K48" s="9">
        <v>72.2</v>
      </c>
    </row>
  </sheetData>
  <mergeCells count="1">
    <mergeCell ref="A16:G17"/>
  </mergeCells>
  <phoneticPr fontId="1"/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8ABF43-6897-4B1A-B85B-B8217F5E24F0}">
  <sheetPr>
    <tabColor theme="4" tint="0.39997558519241921"/>
  </sheetPr>
  <dimension ref="A1:K48"/>
  <sheetViews>
    <sheetView workbookViewId="0">
      <selection activeCell="J1" sqref="J1"/>
    </sheetView>
  </sheetViews>
  <sheetFormatPr defaultRowHeight="17.649999999999999" x14ac:dyDescent="0.7"/>
  <cols>
    <col min="1" max="1" width="12.375" customWidth="1"/>
    <col min="2" max="2" width="12.625" customWidth="1"/>
    <col min="9" max="9" width="8.75" style="1"/>
    <col min="10" max="10" width="20.625" customWidth="1"/>
    <col min="11" max="11" width="10.25" bestFit="1" customWidth="1"/>
  </cols>
  <sheetData>
    <row r="1" spans="1:11" ht="21.75" thickBot="1" x14ac:dyDescent="0.75">
      <c r="A1" s="2" t="s">
        <v>89</v>
      </c>
      <c r="B1" s="32" t="str">
        <f>IFERROR(ROUND(CORREL(J2:J48, K2:K48), 2),"")</f>
        <v/>
      </c>
      <c r="I1" s="6"/>
      <c r="J1" s="10" t="s">
        <v>90</v>
      </c>
      <c r="K1" s="7" t="s">
        <v>0</v>
      </c>
    </row>
    <row r="2" spans="1:11" x14ac:dyDescent="0.7">
      <c r="I2" s="6" t="s">
        <v>30</v>
      </c>
      <c r="J2" s="8"/>
      <c r="K2" s="9">
        <v>65.099999999999994</v>
      </c>
    </row>
    <row r="3" spans="1:11" x14ac:dyDescent="0.7">
      <c r="I3" s="6" t="s">
        <v>31</v>
      </c>
      <c r="J3" s="8"/>
      <c r="K3" s="9">
        <v>66</v>
      </c>
    </row>
    <row r="4" spans="1:11" x14ac:dyDescent="0.7">
      <c r="I4" s="6" t="s">
        <v>32</v>
      </c>
      <c r="J4" s="8"/>
      <c r="K4" s="9">
        <v>64.3</v>
      </c>
    </row>
    <row r="5" spans="1:11" x14ac:dyDescent="0.7">
      <c r="I5" s="6" t="s">
        <v>33</v>
      </c>
      <c r="J5" s="8"/>
      <c r="K5" s="9">
        <v>61.6</v>
      </c>
    </row>
    <row r="6" spans="1:11" x14ac:dyDescent="0.7">
      <c r="I6" s="6" t="s">
        <v>34</v>
      </c>
      <c r="J6" s="8"/>
      <c r="K6" s="9">
        <v>65.7</v>
      </c>
    </row>
    <row r="7" spans="1:11" x14ac:dyDescent="0.7">
      <c r="I7" s="6" t="s">
        <v>35</v>
      </c>
      <c r="J7" s="8"/>
      <c r="K7" s="9">
        <v>64.3</v>
      </c>
    </row>
    <row r="8" spans="1:11" x14ac:dyDescent="0.7">
      <c r="I8" s="6" t="s">
        <v>36</v>
      </c>
      <c r="J8" s="8"/>
      <c r="K8" s="9">
        <v>64.599999999999994</v>
      </c>
    </row>
    <row r="9" spans="1:11" x14ac:dyDescent="0.7">
      <c r="I9" s="6" t="s">
        <v>37</v>
      </c>
      <c r="J9" s="8"/>
      <c r="K9" s="9">
        <v>64.599999999999994</v>
      </c>
    </row>
    <row r="10" spans="1:11" x14ac:dyDescent="0.7">
      <c r="I10" s="6" t="s">
        <v>38</v>
      </c>
      <c r="J10" s="8"/>
      <c r="K10" s="9">
        <v>66.3</v>
      </c>
    </row>
    <row r="11" spans="1:11" x14ac:dyDescent="0.7">
      <c r="I11" s="6" t="s">
        <v>39</v>
      </c>
      <c r="J11" s="8"/>
      <c r="K11" s="9">
        <v>66</v>
      </c>
    </row>
    <row r="12" spans="1:11" x14ac:dyDescent="0.7">
      <c r="I12" s="6" t="s">
        <v>40</v>
      </c>
      <c r="J12" s="8"/>
      <c r="K12" s="9">
        <v>65.5</v>
      </c>
    </row>
    <row r="13" spans="1:11" x14ac:dyDescent="0.7">
      <c r="I13" s="6" t="s">
        <v>41</v>
      </c>
      <c r="J13" s="8"/>
      <c r="K13" s="9">
        <v>61.9</v>
      </c>
    </row>
    <row r="14" spans="1:11" x14ac:dyDescent="0.7">
      <c r="I14" s="6" t="s">
        <v>42</v>
      </c>
      <c r="J14" s="8"/>
      <c r="K14" s="9">
        <v>64</v>
      </c>
    </row>
    <row r="15" spans="1:11" x14ac:dyDescent="0.7">
      <c r="I15" s="6" t="s">
        <v>43</v>
      </c>
      <c r="J15" s="8"/>
      <c r="K15" s="9">
        <v>60.2</v>
      </c>
    </row>
    <row r="16" spans="1:11" ht="18" customHeight="1" x14ac:dyDescent="0.7">
      <c r="A16" s="43" t="s">
        <v>91</v>
      </c>
      <c r="B16" s="43"/>
      <c r="C16" s="43"/>
      <c r="D16" s="43"/>
      <c r="E16" s="43"/>
      <c r="F16" s="43"/>
      <c r="G16" s="43"/>
      <c r="I16" s="6" t="s">
        <v>44</v>
      </c>
      <c r="J16" s="8"/>
      <c r="K16" s="9">
        <v>61.6</v>
      </c>
    </row>
    <row r="17" spans="1:11" x14ac:dyDescent="0.7">
      <c r="A17" s="43"/>
      <c r="B17" s="43"/>
      <c r="C17" s="43"/>
      <c r="D17" s="43"/>
      <c r="E17" s="43"/>
      <c r="F17" s="43"/>
      <c r="G17" s="43"/>
      <c r="I17" s="6" t="s">
        <v>45</v>
      </c>
      <c r="J17" s="8"/>
      <c r="K17" s="9">
        <v>64</v>
      </c>
    </row>
    <row r="18" spans="1:11" x14ac:dyDescent="0.7">
      <c r="I18" s="6" t="s">
        <v>46</v>
      </c>
      <c r="J18" s="8"/>
      <c r="K18" s="9">
        <v>67.099999999999994</v>
      </c>
    </row>
    <row r="19" spans="1:11" x14ac:dyDescent="0.7">
      <c r="I19" s="6" t="s">
        <v>47</v>
      </c>
      <c r="J19" s="8"/>
      <c r="K19" s="9">
        <v>69</v>
      </c>
    </row>
    <row r="20" spans="1:11" x14ac:dyDescent="0.7">
      <c r="I20" s="6" t="s">
        <v>48</v>
      </c>
      <c r="J20" s="8"/>
      <c r="K20" s="9">
        <v>68.3</v>
      </c>
    </row>
    <row r="21" spans="1:11" x14ac:dyDescent="0.7">
      <c r="I21" s="6" t="s">
        <v>49</v>
      </c>
      <c r="J21" s="8"/>
      <c r="K21" s="9">
        <v>65</v>
      </c>
    </row>
    <row r="22" spans="1:11" x14ac:dyDescent="0.7">
      <c r="I22" s="6" t="s">
        <v>50</v>
      </c>
      <c r="J22" s="8"/>
      <c r="K22" s="9">
        <v>64.5</v>
      </c>
    </row>
    <row r="23" spans="1:11" x14ac:dyDescent="0.7">
      <c r="I23" s="6" t="s">
        <v>51</v>
      </c>
      <c r="J23" s="8"/>
      <c r="K23" s="9">
        <v>62.5</v>
      </c>
    </row>
    <row r="24" spans="1:11" x14ac:dyDescent="0.7">
      <c r="I24" s="6" t="s">
        <v>52</v>
      </c>
      <c r="J24" s="8"/>
      <c r="K24" s="9">
        <v>62.3</v>
      </c>
    </row>
    <row r="25" spans="1:11" x14ac:dyDescent="0.7">
      <c r="I25" s="6" t="s">
        <v>53</v>
      </c>
      <c r="J25" s="8"/>
      <c r="K25" s="9">
        <v>67.400000000000006</v>
      </c>
    </row>
    <row r="26" spans="1:11" x14ac:dyDescent="0.7">
      <c r="I26" s="6" t="s">
        <v>54</v>
      </c>
      <c r="J26" s="8"/>
      <c r="K26" s="9">
        <v>67.400000000000006</v>
      </c>
    </row>
    <row r="27" spans="1:11" x14ac:dyDescent="0.7">
      <c r="I27" s="6" t="s">
        <v>55</v>
      </c>
      <c r="J27" s="8"/>
      <c r="K27" s="9">
        <v>65.8</v>
      </c>
    </row>
    <row r="28" spans="1:11" x14ac:dyDescent="0.7">
      <c r="I28" s="6" t="s">
        <v>56</v>
      </c>
      <c r="J28" s="8"/>
      <c r="K28" s="9">
        <v>60.6</v>
      </c>
    </row>
    <row r="29" spans="1:11" x14ac:dyDescent="0.7">
      <c r="I29" s="6" t="s">
        <v>57</v>
      </c>
      <c r="J29" s="8"/>
      <c r="K29" s="9">
        <v>65.2</v>
      </c>
    </row>
    <row r="30" spans="1:11" x14ac:dyDescent="0.7">
      <c r="I30" s="6" t="s">
        <v>58</v>
      </c>
      <c r="J30" s="8"/>
      <c r="K30" s="9">
        <v>68.5</v>
      </c>
    </row>
    <row r="31" spans="1:11" x14ac:dyDescent="0.7">
      <c r="I31" s="6" t="s">
        <v>59</v>
      </c>
      <c r="J31" s="8"/>
      <c r="K31" s="9">
        <v>69.599999999999994</v>
      </c>
    </row>
    <row r="32" spans="1:11" x14ac:dyDescent="0.7">
      <c r="I32" s="6" t="s">
        <v>60</v>
      </c>
      <c r="J32" s="8"/>
      <c r="K32" s="9">
        <v>64.8</v>
      </c>
    </row>
    <row r="33" spans="9:11" x14ac:dyDescent="0.7">
      <c r="I33" s="6" t="s">
        <v>61</v>
      </c>
      <c r="J33" s="8"/>
      <c r="K33" s="9">
        <v>66</v>
      </c>
    </row>
    <row r="34" spans="9:11" x14ac:dyDescent="0.7">
      <c r="I34" s="6" t="s">
        <v>62</v>
      </c>
      <c r="J34" s="8"/>
      <c r="K34" s="9">
        <v>67.900000000000006</v>
      </c>
    </row>
    <row r="35" spans="9:11" x14ac:dyDescent="0.7">
      <c r="I35" s="6" t="s">
        <v>63</v>
      </c>
      <c r="J35" s="8"/>
      <c r="K35" s="9">
        <v>66.8</v>
      </c>
    </row>
    <row r="36" spans="9:11" x14ac:dyDescent="0.7">
      <c r="I36" s="6" t="s">
        <v>64</v>
      </c>
      <c r="J36" s="8"/>
      <c r="K36" s="9">
        <v>67.099999999999994</v>
      </c>
    </row>
    <row r="37" spans="9:11" x14ac:dyDescent="0.7">
      <c r="I37" s="6" t="s">
        <v>65</v>
      </c>
      <c r="J37" s="8"/>
      <c r="K37" s="9">
        <v>67.3</v>
      </c>
    </row>
    <row r="38" spans="9:11" x14ac:dyDescent="0.7">
      <c r="I38" s="6" t="s">
        <v>66</v>
      </c>
      <c r="J38" s="8"/>
      <c r="K38" s="9">
        <v>68.2</v>
      </c>
    </row>
    <row r="39" spans="9:11" x14ac:dyDescent="0.7">
      <c r="I39" s="6" t="s">
        <v>67</v>
      </c>
      <c r="J39" s="8"/>
      <c r="K39" s="9">
        <v>65.599999999999994</v>
      </c>
    </row>
    <row r="40" spans="9:11" x14ac:dyDescent="0.7">
      <c r="I40" s="6" t="s">
        <v>68</v>
      </c>
      <c r="J40" s="8"/>
      <c r="K40" s="9">
        <v>67.599999999999994</v>
      </c>
    </row>
    <row r="41" spans="9:11" x14ac:dyDescent="0.7">
      <c r="I41" s="6" t="s">
        <v>69</v>
      </c>
      <c r="J41" s="8"/>
      <c r="K41" s="9">
        <v>64.7</v>
      </c>
    </row>
    <row r="42" spans="9:11" x14ac:dyDescent="0.7">
      <c r="I42" s="6" t="s">
        <v>70</v>
      </c>
      <c r="J42" s="8"/>
      <c r="K42" s="9">
        <v>67.099999999999994</v>
      </c>
    </row>
    <row r="43" spans="9:11" x14ac:dyDescent="0.7">
      <c r="I43" s="6" t="s">
        <v>71</v>
      </c>
      <c r="J43" s="8"/>
      <c r="K43" s="9">
        <v>67</v>
      </c>
    </row>
    <row r="44" spans="9:11" x14ac:dyDescent="0.7">
      <c r="I44" s="6" t="s">
        <v>72</v>
      </c>
      <c r="J44" s="8"/>
      <c r="K44" s="9">
        <v>66.3</v>
      </c>
    </row>
    <row r="45" spans="9:11" x14ac:dyDescent="0.7">
      <c r="I45" s="6" t="s">
        <v>73</v>
      </c>
      <c r="J45" s="8"/>
      <c r="K45" s="9">
        <v>70.8</v>
      </c>
    </row>
    <row r="46" spans="9:11" x14ac:dyDescent="0.7">
      <c r="I46" s="6" t="s">
        <v>74</v>
      </c>
      <c r="J46" s="8"/>
      <c r="K46" s="9">
        <v>69.900000000000006</v>
      </c>
    </row>
    <row r="47" spans="9:11" x14ac:dyDescent="0.7">
      <c r="I47" s="6" t="s">
        <v>75</v>
      </c>
      <c r="J47" s="8"/>
      <c r="K47" s="9">
        <v>68.900000000000006</v>
      </c>
    </row>
    <row r="48" spans="9:11" x14ac:dyDescent="0.7">
      <c r="I48" s="6" t="s">
        <v>76</v>
      </c>
      <c r="J48" s="8"/>
      <c r="K48" s="9">
        <v>72.2</v>
      </c>
    </row>
  </sheetData>
  <mergeCells count="1">
    <mergeCell ref="A16:G17"/>
  </mergeCells>
  <phoneticPr fontId="1"/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97DBD8-0C73-4191-AC22-CBD1E629D69F}">
  <sheetPr>
    <tabColor theme="4" tint="0.39997558519241921"/>
  </sheetPr>
  <dimension ref="A1:K48"/>
  <sheetViews>
    <sheetView workbookViewId="0">
      <selection activeCell="J1" sqref="J1"/>
    </sheetView>
  </sheetViews>
  <sheetFormatPr defaultRowHeight="17.649999999999999" x14ac:dyDescent="0.7"/>
  <cols>
    <col min="1" max="1" width="12.375" customWidth="1"/>
    <col min="2" max="2" width="12.625" customWidth="1"/>
    <col min="9" max="9" width="8.75" style="1"/>
    <col min="10" max="10" width="20.625" customWidth="1"/>
    <col min="11" max="11" width="10.25" bestFit="1" customWidth="1"/>
  </cols>
  <sheetData>
    <row r="1" spans="1:11" ht="21.75" thickBot="1" x14ac:dyDescent="0.75">
      <c r="A1" s="2" t="s">
        <v>89</v>
      </c>
      <c r="B1" s="32" t="str">
        <f>IFERROR(ROUND(CORREL(J2:J48, K2:K48), 2),"")</f>
        <v/>
      </c>
      <c r="I1" s="6"/>
      <c r="J1" s="10" t="s">
        <v>90</v>
      </c>
      <c r="K1" s="7" t="s">
        <v>0</v>
      </c>
    </row>
    <row r="2" spans="1:11" x14ac:dyDescent="0.7">
      <c r="I2" s="6" t="s">
        <v>30</v>
      </c>
      <c r="J2" s="8"/>
      <c r="K2" s="9">
        <v>65.099999999999994</v>
      </c>
    </row>
    <row r="3" spans="1:11" x14ac:dyDescent="0.7">
      <c r="I3" s="6" t="s">
        <v>31</v>
      </c>
      <c r="J3" s="8"/>
      <c r="K3" s="9">
        <v>66</v>
      </c>
    </row>
    <row r="4" spans="1:11" x14ac:dyDescent="0.7">
      <c r="I4" s="6" t="s">
        <v>32</v>
      </c>
      <c r="J4" s="8"/>
      <c r="K4" s="9">
        <v>64.3</v>
      </c>
    </row>
    <row r="5" spans="1:11" x14ac:dyDescent="0.7">
      <c r="I5" s="6" t="s">
        <v>33</v>
      </c>
      <c r="J5" s="8"/>
      <c r="K5" s="9">
        <v>61.6</v>
      </c>
    </row>
    <row r="6" spans="1:11" x14ac:dyDescent="0.7">
      <c r="I6" s="6" t="s">
        <v>34</v>
      </c>
      <c r="J6" s="8"/>
      <c r="K6" s="9">
        <v>65.7</v>
      </c>
    </row>
    <row r="7" spans="1:11" x14ac:dyDescent="0.7">
      <c r="I7" s="6" t="s">
        <v>35</v>
      </c>
      <c r="J7" s="8"/>
      <c r="K7" s="9">
        <v>64.3</v>
      </c>
    </row>
    <row r="8" spans="1:11" x14ac:dyDescent="0.7">
      <c r="I8" s="6" t="s">
        <v>36</v>
      </c>
      <c r="J8" s="8"/>
      <c r="K8" s="9">
        <v>64.599999999999994</v>
      </c>
    </row>
    <row r="9" spans="1:11" x14ac:dyDescent="0.7">
      <c r="I9" s="6" t="s">
        <v>37</v>
      </c>
      <c r="J9" s="8"/>
      <c r="K9" s="9">
        <v>64.599999999999994</v>
      </c>
    </row>
    <row r="10" spans="1:11" x14ac:dyDescent="0.7">
      <c r="I10" s="6" t="s">
        <v>38</v>
      </c>
      <c r="J10" s="8"/>
      <c r="K10" s="9">
        <v>66.3</v>
      </c>
    </row>
    <row r="11" spans="1:11" x14ac:dyDescent="0.7">
      <c r="I11" s="6" t="s">
        <v>39</v>
      </c>
      <c r="J11" s="8"/>
      <c r="K11" s="9">
        <v>66</v>
      </c>
    </row>
    <row r="12" spans="1:11" x14ac:dyDescent="0.7">
      <c r="I12" s="6" t="s">
        <v>40</v>
      </c>
      <c r="J12" s="8"/>
      <c r="K12" s="9">
        <v>65.5</v>
      </c>
    </row>
    <row r="13" spans="1:11" x14ac:dyDescent="0.7">
      <c r="I13" s="6" t="s">
        <v>41</v>
      </c>
      <c r="J13" s="8"/>
      <c r="K13" s="9">
        <v>61.9</v>
      </c>
    </row>
    <row r="14" spans="1:11" x14ac:dyDescent="0.7">
      <c r="I14" s="6" t="s">
        <v>42</v>
      </c>
      <c r="J14" s="8"/>
      <c r="K14" s="9">
        <v>64</v>
      </c>
    </row>
    <row r="15" spans="1:11" x14ac:dyDescent="0.7">
      <c r="I15" s="6" t="s">
        <v>43</v>
      </c>
      <c r="J15" s="8"/>
      <c r="K15" s="9">
        <v>60.2</v>
      </c>
    </row>
    <row r="16" spans="1:11" ht="18" customHeight="1" x14ac:dyDescent="0.7">
      <c r="A16" s="43" t="s">
        <v>91</v>
      </c>
      <c r="B16" s="43"/>
      <c r="C16" s="43"/>
      <c r="D16" s="43"/>
      <c r="E16" s="43"/>
      <c r="F16" s="43"/>
      <c r="G16" s="43"/>
      <c r="I16" s="6" t="s">
        <v>44</v>
      </c>
      <c r="J16" s="8"/>
      <c r="K16" s="9">
        <v>61.6</v>
      </c>
    </row>
    <row r="17" spans="1:11" x14ac:dyDescent="0.7">
      <c r="A17" s="43"/>
      <c r="B17" s="43"/>
      <c r="C17" s="43"/>
      <c r="D17" s="43"/>
      <c r="E17" s="43"/>
      <c r="F17" s="43"/>
      <c r="G17" s="43"/>
      <c r="I17" s="6" t="s">
        <v>45</v>
      </c>
      <c r="J17" s="8"/>
      <c r="K17" s="9">
        <v>64</v>
      </c>
    </row>
    <row r="18" spans="1:11" x14ac:dyDescent="0.7">
      <c r="I18" s="6" t="s">
        <v>46</v>
      </c>
      <c r="J18" s="8"/>
      <c r="K18" s="9">
        <v>67.099999999999994</v>
      </c>
    </row>
    <row r="19" spans="1:11" x14ac:dyDescent="0.7">
      <c r="I19" s="6" t="s">
        <v>47</v>
      </c>
      <c r="J19" s="8"/>
      <c r="K19" s="9">
        <v>69</v>
      </c>
    </row>
    <row r="20" spans="1:11" x14ac:dyDescent="0.7">
      <c r="I20" s="6" t="s">
        <v>48</v>
      </c>
      <c r="J20" s="8"/>
      <c r="K20" s="9">
        <v>68.3</v>
      </c>
    </row>
    <row r="21" spans="1:11" x14ac:dyDescent="0.7">
      <c r="I21" s="6" t="s">
        <v>49</v>
      </c>
      <c r="J21" s="8"/>
      <c r="K21" s="9">
        <v>65</v>
      </c>
    </row>
    <row r="22" spans="1:11" x14ac:dyDescent="0.7">
      <c r="I22" s="6" t="s">
        <v>50</v>
      </c>
      <c r="J22" s="8"/>
      <c r="K22" s="9">
        <v>64.5</v>
      </c>
    </row>
    <row r="23" spans="1:11" x14ac:dyDescent="0.7">
      <c r="I23" s="6" t="s">
        <v>51</v>
      </c>
      <c r="J23" s="8"/>
      <c r="K23" s="9">
        <v>62.5</v>
      </c>
    </row>
    <row r="24" spans="1:11" x14ac:dyDescent="0.7">
      <c r="I24" s="6" t="s">
        <v>52</v>
      </c>
      <c r="J24" s="8"/>
      <c r="K24" s="9">
        <v>62.3</v>
      </c>
    </row>
    <row r="25" spans="1:11" x14ac:dyDescent="0.7">
      <c r="I25" s="6" t="s">
        <v>53</v>
      </c>
      <c r="J25" s="8"/>
      <c r="K25" s="9">
        <v>67.400000000000006</v>
      </c>
    </row>
    <row r="26" spans="1:11" x14ac:dyDescent="0.7">
      <c r="I26" s="6" t="s">
        <v>54</v>
      </c>
      <c r="J26" s="8"/>
      <c r="K26" s="9">
        <v>67.400000000000006</v>
      </c>
    </row>
    <row r="27" spans="1:11" x14ac:dyDescent="0.7">
      <c r="I27" s="6" t="s">
        <v>55</v>
      </c>
      <c r="J27" s="8"/>
      <c r="K27" s="9">
        <v>65.8</v>
      </c>
    </row>
    <row r="28" spans="1:11" x14ac:dyDescent="0.7">
      <c r="I28" s="6" t="s">
        <v>56</v>
      </c>
      <c r="J28" s="8"/>
      <c r="K28" s="9">
        <v>60.6</v>
      </c>
    </row>
    <row r="29" spans="1:11" x14ac:dyDescent="0.7">
      <c r="I29" s="6" t="s">
        <v>57</v>
      </c>
      <c r="J29" s="8"/>
      <c r="K29" s="9">
        <v>65.2</v>
      </c>
    </row>
    <row r="30" spans="1:11" x14ac:dyDescent="0.7">
      <c r="I30" s="6" t="s">
        <v>58</v>
      </c>
      <c r="J30" s="8"/>
      <c r="K30" s="9">
        <v>68.5</v>
      </c>
    </row>
    <row r="31" spans="1:11" x14ac:dyDescent="0.7">
      <c r="I31" s="6" t="s">
        <v>59</v>
      </c>
      <c r="J31" s="8"/>
      <c r="K31" s="9">
        <v>69.599999999999994</v>
      </c>
    </row>
    <row r="32" spans="1:11" x14ac:dyDescent="0.7">
      <c r="I32" s="6" t="s">
        <v>60</v>
      </c>
      <c r="J32" s="8"/>
      <c r="K32" s="9">
        <v>64.8</v>
      </c>
    </row>
    <row r="33" spans="9:11" x14ac:dyDescent="0.7">
      <c r="I33" s="6" t="s">
        <v>61</v>
      </c>
      <c r="J33" s="8"/>
      <c r="K33" s="9">
        <v>66</v>
      </c>
    </row>
    <row r="34" spans="9:11" x14ac:dyDescent="0.7">
      <c r="I34" s="6" t="s">
        <v>62</v>
      </c>
      <c r="J34" s="8"/>
      <c r="K34" s="9">
        <v>67.900000000000006</v>
      </c>
    </row>
    <row r="35" spans="9:11" x14ac:dyDescent="0.7">
      <c r="I35" s="6" t="s">
        <v>63</v>
      </c>
      <c r="J35" s="8"/>
      <c r="K35" s="9">
        <v>66.8</v>
      </c>
    </row>
    <row r="36" spans="9:11" x14ac:dyDescent="0.7">
      <c r="I36" s="6" t="s">
        <v>64</v>
      </c>
      <c r="J36" s="8"/>
      <c r="K36" s="9">
        <v>67.099999999999994</v>
      </c>
    </row>
    <row r="37" spans="9:11" x14ac:dyDescent="0.7">
      <c r="I37" s="6" t="s">
        <v>65</v>
      </c>
      <c r="J37" s="8"/>
      <c r="K37" s="9">
        <v>67.3</v>
      </c>
    </row>
    <row r="38" spans="9:11" x14ac:dyDescent="0.7">
      <c r="I38" s="6" t="s">
        <v>66</v>
      </c>
      <c r="J38" s="8"/>
      <c r="K38" s="9">
        <v>68.2</v>
      </c>
    </row>
    <row r="39" spans="9:11" x14ac:dyDescent="0.7">
      <c r="I39" s="6" t="s">
        <v>67</v>
      </c>
      <c r="J39" s="8"/>
      <c r="K39" s="9">
        <v>65.599999999999994</v>
      </c>
    </row>
    <row r="40" spans="9:11" x14ac:dyDescent="0.7">
      <c r="I40" s="6" t="s">
        <v>68</v>
      </c>
      <c r="J40" s="8"/>
      <c r="K40" s="9">
        <v>67.599999999999994</v>
      </c>
    </row>
    <row r="41" spans="9:11" x14ac:dyDescent="0.7">
      <c r="I41" s="6" t="s">
        <v>69</v>
      </c>
      <c r="J41" s="8"/>
      <c r="K41" s="9">
        <v>64.7</v>
      </c>
    </row>
    <row r="42" spans="9:11" x14ac:dyDescent="0.7">
      <c r="I42" s="6" t="s">
        <v>70</v>
      </c>
      <c r="J42" s="8"/>
      <c r="K42" s="9">
        <v>67.099999999999994</v>
      </c>
    </row>
    <row r="43" spans="9:11" x14ac:dyDescent="0.7">
      <c r="I43" s="6" t="s">
        <v>71</v>
      </c>
      <c r="J43" s="8"/>
      <c r="K43" s="9">
        <v>67</v>
      </c>
    </row>
    <row r="44" spans="9:11" x14ac:dyDescent="0.7">
      <c r="I44" s="6" t="s">
        <v>72</v>
      </c>
      <c r="J44" s="8"/>
      <c r="K44" s="9">
        <v>66.3</v>
      </c>
    </row>
    <row r="45" spans="9:11" x14ac:dyDescent="0.7">
      <c r="I45" s="6" t="s">
        <v>73</v>
      </c>
      <c r="J45" s="8"/>
      <c r="K45" s="9">
        <v>70.8</v>
      </c>
    </row>
    <row r="46" spans="9:11" x14ac:dyDescent="0.7">
      <c r="I46" s="6" t="s">
        <v>74</v>
      </c>
      <c r="J46" s="8"/>
      <c r="K46" s="9">
        <v>69.900000000000006</v>
      </c>
    </row>
    <row r="47" spans="9:11" x14ac:dyDescent="0.7">
      <c r="I47" s="6" t="s">
        <v>75</v>
      </c>
      <c r="J47" s="8"/>
      <c r="K47" s="9">
        <v>68.900000000000006</v>
      </c>
    </row>
    <row r="48" spans="9:11" x14ac:dyDescent="0.7">
      <c r="I48" s="6" t="s">
        <v>76</v>
      </c>
      <c r="J48" s="8"/>
      <c r="K48" s="9">
        <v>72.2</v>
      </c>
    </row>
  </sheetData>
  <mergeCells count="1">
    <mergeCell ref="A16:G17"/>
  </mergeCells>
  <phoneticPr fontId="1"/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792C8C-5329-4A5C-A59A-503BA5CD9DBA}">
  <sheetPr>
    <tabColor theme="4" tint="0.39997558519241921"/>
  </sheetPr>
  <dimension ref="A1:K48"/>
  <sheetViews>
    <sheetView workbookViewId="0">
      <selection activeCell="J1" sqref="J1"/>
    </sheetView>
  </sheetViews>
  <sheetFormatPr defaultRowHeight="17.649999999999999" x14ac:dyDescent="0.7"/>
  <cols>
    <col min="1" max="1" width="12.375" customWidth="1"/>
    <col min="2" max="2" width="12.625" customWidth="1"/>
    <col min="9" max="9" width="8.75" style="1"/>
    <col min="10" max="10" width="20.625" customWidth="1"/>
    <col min="11" max="11" width="10.25" bestFit="1" customWidth="1"/>
  </cols>
  <sheetData>
    <row r="1" spans="1:11" ht="21.75" thickBot="1" x14ac:dyDescent="0.75">
      <c r="A1" s="2" t="s">
        <v>89</v>
      </c>
      <c r="B1" s="32" t="str">
        <f>IFERROR(ROUND(CORREL(J2:J48, K2:K48), 2),"")</f>
        <v/>
      </c>
      <c r="I1" s="6"/>
      <c r="J1" s="10" t="s">
        <v>90</v>
      </c>
      <c r="K1" s="7" t="s">
        <v>0</v>
      </c>
    </row>
    <row r="2" spans="1:11" x14ac:dyDescent="0.7">
      <c r="I2" s="6" t="s">
        <v>30</v>
      </c>
      <c r="J2" s="8"/>
      <c r="K2" s="9">
        <v>65.099999999999994</v>
      </c>
    </row>
    <row r="3" spans="1:11" x14ac:dyDescent="0.7">
      <c r="I3" s="6" t="s">
        <v>31</v>
      </c>
      <c r="J3" s="8"/>
      <c r="K3" s="9">
        <v>66</v>
      </c>
    </row>
    <row r="4" spans="1:11" x14ac:dyDescent="0.7">
      <c r="I4" s="6" t="s">
        <v>32</v>
      </c>
      <c r="J4" s="8"/>
      <c r="K4" s="9">
        <v>64.3</v>
      </c>
    </row>
    <row r="5" spans="1:11" x14ac:dyDescent="0.7">
      <c r="I5" s="6" t="s">
        <v>33</v>
      </c>
      <c r="J5" s="8"/>
      <c r="K5" s="9">
        <v>61.6</v>
      </c>
    </row>
    <row r="6" spans="1:11" x14ac:dyDescent="0.7">
      <c r="I6" s="6" t="s">
        <v>34</v>
      </c>
      <c r="J6" s="8"/>
      <c r="K6" s="9">
        <v>65.7</v>
      </c>
    </row>
    <row r="7" spans="1:11" x14ac:dyDescent="0.7">
      <c r="I7" s="6" t="s">
        <v>35</v>
      </c>
      <c r="J7" s="8"/>
      <c r="K7" s="9">
        <v>64.3</v>
      </c>
    </row>
    <row r="8" spans="1:11" x14ac:dyDescent="0.7">
      <c r="I8" s="6" t="s">
        <v>36</v>
      </c>
      <c r="J8" s="8"/>
      <c r="K8" s="9">
        <v>64.599999999999994</v>
      </c>
    </row>
    <row r="9" spans="1:11" x14ac:dyDescent="0.7">
      <c r="I9" s="6" t="s">
        <v>37</v>
      </c>
      <c r="J9" s="8"/>
      <c r="K9" s="9">
        <v>64.599999999999994</v>
      </c>
    </row>
    <row r="10" spans="1:11" x14ac:dyDescent="0.7">
      <c r="I10" s="6" t="s">
        <v>38</v>
      </c>
      <c r="J10" s="8"/>
      <c r="K10" s="9">
        <v>66.3</v>
      </c>
    </row>
    <row r="11" spans="1:11" x14ac:dyDescent="0.7">
      <c r="I11" s="6" t="s">
        <v>39</v>
      </c>
      <c r="J11" s="8"/>
      <c r="K11" s="9">
        <v>66</v>
      </c>
    </row>
    <row r="12" spans="1:11" x14ac:dyDescent="0.7">
      <c r="I12" s="6" t="s">
        <v>40</v>
      </c>
      <c r="J12" s="8"/>
      <c r="K12" s="9">
        <v>65.5</v>
      </c>
    </row>
    <row r="13" spans="1:11" x14ac:dyDescent="0.7">
      <c r="I13" s="6" t="s">
        <v>41</v>
      </c>
      <c r="J13" s="8"/>
      <c r="K13" s="9">
        <v>61.9</v>
      </c>
    </row>
    <row r="14" spans="1:11" x14ac:dyDescent="0.7">
      <c r="I14" s="6" t="s">
        <v>42</v>
      </c>
      <c r="J14" s="8"/>
      <c r="K14" s="9">
        <v>64</v>
      </c>
    </row>
    <row r="15" spans="1:11" x14ac:dyDescent="0.7">
      <c r="I15" s="6" t="s">
        <v>43</v>
      </c>
      <c r="J15" s="8"/>
      <c r="K15" s="9">
        <v>60.2</v>
      </c>
    </row>
    <row r="16" spans="1:11" ht="18" customHeight="1" x14ac:dyDescent="0.7">
      <c r="A16" s="43" t="s">
        <v>91</v>
      </c>
      <c r="B16" s="43"/>
      <c r="C16" s="43"/>
      <c r="D16" s="43"/>
      <c r="E16" s="43"/>
      <c r="F16" s="43"/>
      <c r="G16" s="43"/>
      <c r="I16" s="6" t="s">
        <v>44</v>
      </c>
      <c r="J16" s="8"/>
      <c r="K16" s="9">
        <v>61.6</v>
      </c>
    </row>
    <row r="17" spans="1:11" x14ac:dyDescent="0.7">
      <c r="A17" s="43"/>
      <c r="B17" s="43"/>
      <c r="C17" s="43"/>
      <c r="D17" s="43"/>
      <c r="E17" s="43"/>
      <c r="F17" s="43"/>
      <c r="G17" s="43"/>
      <c r="I17" s="6" t="s">
        <v>45</v>
      </c>
      <c r="J17" s="8"/>
      <c r="K17" s="9">
        <v>64</v>
      </c>
    </row>
    <row r="18" spans="1:11" x14ac:dyDescent="0.7">
      <c r="I18" s="6" t="s">
        <v>46</v>
      </c>
      <c r="J18" s="8"/>
      <c r="K18" s="9">
        <v>67.099999999999994</v>
      </c>
    </row>
    <row r="19" spans="1:11" x14ac:dyDescent="0.7">
      <c r="I19" s="6" t="s">
        <v>47</v>
      </c>
      <c r="J19" s="8"/>
      <c r="K19" s="9">
        <v>69</v>
      </c>
    </row>
    <row r="20" spans="1:11" x14ac:dyDescent="0.7">
      <c r="I20" s="6" t="s">
        <v>48</v>
      </c>
      <c r="J20" s="8"/>
      <c r="K20" s="9">
        <v>68.3</v>
      </c>
    </row>
    <row r="21" spans="1:11" x14ac:dyDescent="0.7">
      <c r="I21" s="6" t="s">
        <v>49</v>
      </c>
      <c r="J21" s="8"/>
      <c r="K21" s="9">
        <v>65</v>
      </c>
    </row>
    <row r="22" spans="1:11" x14ac:dyDescent="0.7">
      <c r="I22" s="6" t="s">
        <v>50</v>
      </c>
      <c r="J22" s="8"/>
      <c r="K22" s="9">
        <v>64.5</v>
      </c>
    </row>
    <row r="23" spans="1:11" x14ac:dyDescent="0.7">
      <c r="I23" s="6" t="s">
        <v>51</v>
      </c>
      <c r="J23" s="8"/>
      <c r="K23" s="9">
        <v>62.5</v>
      </c>
    </row>
    <row r="24" spans="1:11" x14ac:dyDescent="0.7">
      <c r="I24" s="6" t="s">
        <v>52</v>
      </c>
      <c r="J24" s="8"/>
      <c r="K24" s="9">
        <v>62.3</v>
      </c>
    </row>
    <row r="25" spans="1:11" x14ac:dyDescent="0.7">
      <c r="I25" s="6" t="s">
        <v>53</v>
      </c>
      <c r="J25" s="8"/>
      <c r="K25" s="9">
        <v>67.400000000000006</v>
      </c>
    </row>
    <row r="26" spans="1:11" x14ac:dyDescent="0.7">
      <c r="I26" s="6" t="s">
        <v>54</v>
      </c>
      <c r="J26" s="8"/>
      <c r="K26" s="9">
        <v>67.400000000000006</v>
      </c>
    </row>
    <row r="27" spans="1:11" x14ac:dyDescent="0.7">
      <c r="I27" s="6" t="s">
        <v>55</v>
      </c>
      <c r="J27" s="8"/>
      <c r="K27" s="9">
        <v>65.8</v>
      </c>
    </row>
    <row r="28" spans="1:11" x14ac:dyDescent="0.7">
      <c r="I28" s="6" t="s">
        <v>56</v>
      </c>
      <c r="J28" s="8"/>
      <c r="K28" s="9">
        <v>60.6</v>
      </c>
    </row>
    <row r="29" spans="1:11" x14ac:dyDescent="0.7">
      <c r="I29" s="6" t="s">
        <v>57</v>
      </c>
      <c r="J29" s="8"/>
      <c r="K29" s="9">
        <v>65.2</v>
      </c>
    </row>
    <row r="30" spans="1:11" x14ac:dyDescent="0.7">
      <c r="I30" s="6" t="s">
        <v>58</v>
      </c>
      <c r="J30" s="8"/>
      <c r="K30" s="9">
        <v>68.5</v>
      </c>
    </row>
    <row r="31" spans="1:11" x14ac:dyDescent="0.7">
      <c r="I31" s="6" t="s">
        <v>59</v>
      </c>
      <c r="J31" s="8"/>
      <c r="K31" s="9">
        <v>69.599999999999994</v>
      </c>
    </row>
    <row r="32" spans="1:11" x14ac:dyDescent="0.7">
      <c r="I32" s="6" t="s">
        <v>60</v>
      </c>
      <c r="J32" s="8"/>
      <c r="K32" s="9">
        <v>64.8</v>
      </c>
    </row>
    <row r="33" spans="9:11" x14ac:dyDescent="0.7">
      <c r="I33" s="6" t="s">
        <v>61</v>
      </c>
      <c r="J33" s="8"/>
      <c r="K33" s="9">
        <v>66</v>
      </c>
    </row>
    <row r="34" spans="9:11" x14ac:dyDescent="0.7">
      <c r="I34" s="6" t="s">
        <v>62</v>
      </c>
      <c r="J34" s="8"/>
      <c r="K34" s="9">
        <v>67.900000000000006</v>
      </c>
    </row>
    <row r="35" spans="9:11" x14ac:dyDescent="0.7">
      <c r="I35" s="6" t="s">
        <v>63</v>
      </c>
      <c r="J35" s="8"/>
      <c r="K35" s="9">
        <v>66.8</v>
      </c>
    </row>
    <row r="36" spans="9:11" x14ac:dyDescent="0.7">
      <c r="I36" s="6" t="s">
        <v>64</v>
      </c>
      <c r="J36" s="8"/>
      <c r="K36" s="9">
        <v>67.099999999999994</v>
      </c>
    </row>
    <row r="37" spans="9:11" x14ac:dyDescent="0.7">
      <c r="I37" s="6" t="s">
        <v>65</v>
      </c>
      <c r="J37" s="8"/>
      <c r="K37" s="9">
        <v>67.3</v>
      </c>
    </row>
    <row r="38" spans="9:11" x14ac:dyDescent="0.7">
      <c r="I38" s="6" t="s">
        <v>66</v>
      </c>
      <c r="J38" s="8"/>
      <c r="K38" s="9">
        <v>68.2</v>
      </c>
    </row>
    <row r="39" spans="9:11" x14ac:dyDescent="0.7">
      <c r="I39" s="6" t="s">
        <v>67</v>
      </c>
      <c r="J39" s="8"/>
      <c r="K39" s="9">
        <v>65.599999999999994</v>
      </c>
    </row>
    <row r="40" spans="9:11" x14ac:dyDescent="0.7">
      <c r="I40" s="6" t="s">
        <v>68</v>
      </c>
      <c r="J40" s="8"/>
      <c r="K40" s="9">
        <v>67.599999999999994</v>
      </c>
    </row>
    <row r="41" spans="9:11" x14ac:dyDescent="0.7">
      <c r="I41" s="6" t="s">
        <v>69</v>
      </c>
      <c r="J41" s="8"/>
      <c r="K41" s="9">
        <v>64.7</v>
      </c>
    </row>
    <row r="42" spans="9:11" x14ac:dyDescent="0.7">
      <c r="I42" s="6" t="s">
        <v>70</v>
      </c>
      <c r="J42" s="8"/>
      <c r="K42" s="9">
        <v>67.099999999999994</v>
      </c>
    </row>
    <row r="43" spans="9:11" x14ac:dyDescent="0.7">
      <c r="I43" s="6" t="s">
        <v>71</v>
      </c>
      <c r="J43" s="8"/>
      <c r="K43" s="9">
        <v>67</v>
      </c>
    </row>
    <row r="44" spans="9:11" x14ac:dyDescent="0.7">
      <c r="I44" s="6" t="s">
        <v>72</v>
      </c>
      <c r="J44" s="8"/>
      <c r="K44" s="9">
        <v>66.3</v>
      </c>
    </row>
    <row r="45" spans="9:11" x14ac:dyDescent="0.7">
      <c r="I45" s="6" t="s">
        <v>73</v>
      </c>
      <c r="J45" s="8"/>
      <c r="K45" s="9">
        <v>70.8</v>
      </c>
    </row>
    <row r="46" spans="9:11" x14ac:dyDescent="0.7">
      <c r="I46" s="6" t="s">
        <v>74</v>
      </c>
      <c r="J46" s="8"/>
      <c r="K46" s="9">
        <v>69.900000000000006</v>
      </c>
    </row>
    <row r="47" spans="9:11" x14ac:dyDescent="0.7">
      <c r="I47" s="6" t="s">
        <v>75</v>
      </c>
      <c r="J47" s="8"/>
      <c r="K47" s="9">
        <v>68.900000000000006</v>
      </c>
    </row>
    <row r="48" spans="9:11" x14ac:dyDescent="0.7">
      <c r="I48" s="6" t="s">
        <v>76</v>
      </c>
      <c r="J48" s="8"/>
      <c r="K48" s="9">
        <v>72.2</v>
      </c>
    </row>
  </sheetData>
  <mergeCells count="1">
    <mergeCell ref="A16:G17"/>
  </mergeCells>
  <phoneticPr fontId="1"/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308939F-4257-47EE-95FA-72E993968ECB}">
  <sheetPr>
    <tabColor theme="4" tint="0.39997558519241921"/>
  </sheetPr>
  <dimension ref="A1:K48"/>
  <sheetViews>
    <sheetView workbookViewId="0">
      <selection activeCell="F18" sqref="F18"/>
    </sheetView>
  </sheetViews>
  <sheetFormatPr defaultRowHeight="17.649999999999999" x14ac:dyDescent="0.7"/>
  <cols>
    <col min="1" max="1" width="12.375" customWidth="1"/>
    <col min="2" max="2" width="12.625" customWidth="1"/>
    <col min="9" max="9" width="8.75" style="1"/>
    <col min="10" max="10" width="20.625" customWidth="1"/>
    <col min="11" max="11" width="10.25" bestFit="1" customWidth="1"/>
  </cols>
  <sheetData>
    <row r="1" spans="1:11" ht="21.75" thickBot="1" x14ac:dyDescent="0.75">
      <c r="A1" s="2" t="s">
        <v>89</v>
      </c>
      <c r="B1" s="32" t="str">
        <f>IFERROR(ROUND(CORREL(J2:J48, K2:K48), 2),"")</f>
        <v/>
      </c>
      <c r="I1" s="6"/>
      <c r="J1" s="10" t="s">
        <v>90</v>
      </c>
      <c r="K1" s="7" t="s">
        <v>0</v>
      </c>
    </row>
    <row r="2" spans="1:11" x14ac:dyDescent="0.7">
      <c r="I2" s="6" t="s">
        <v>30</v>
      </c>
      <c r="J2" s="8"/>
      <c r="K2" s="9">
        <v>65.099999999999994</v>
      </c>
    </row>
    <row r="3" spans="1:11" x14ac:dyDescent="0.7">
      <c r="I3" s="6" t="s">
        <v>31</v>
      </c>
      <c r="J3" s="8"/>
      <c r="K3" s="9">
        <v>66</v>
      </c>
    </row>
    <row r="4" spans="1:11" x14ac:dyDescent="0.7">
      <c r="I4" s="6" t="s">
        <v>32</v>
      </c>
      <c r="J4" s="8"/>
      <c r="K4" s="9">
        <v>64.3</v>
      </c>
    </row>
    <row r="5" spans="1:11" x14ac:dyDescent="0.7">
      <c r="I5" s="6" t="s">
        <v>33</v>
      </c>
      <c r="J5" s="8"/>
      <c r="K5" s="9">
        <v>61.6</v>
      </c>
    </row>
    <row r="6" spans="1:11" x14ac:dyDescent="0.7">
      <c r="I6" s="6" t="s">
        <v>34</v>
      </c>
      <c r="J6" s="8"/>
      <c r="K6" s="9">
        <v>65.7</v>
      </c>
    </row>
    <row r="7" spans="1:11" x14ac:dyDescent="0.7">
      <c r="I7" s="6" t="s">
        <v>35</v>
      </c>
      <c r="J7" s="8"/>
      <c r="K7" s="9">
        <v>64.3</v>
      </c>
    </row>
    <row r="8" spans="1:11" x14ac:dyDescent="0.7">
      <c r="I8" s="6" t="s">
        <v>36</v>
      </c>
      <c r="J8" s="8"/>
      <c r="K8" s="9">
        <v>64.599999999999994</v>
      </c>
    </row>
    <row r="9" spans="1:11" x14ac:dyDescent="0.7">
      <c r="I9" s="6" t="s">
        <v>37</v>
      </c>
      <c r="J9" s="8"/>
      <c r="K9" s="9">
        <v>64.599999999999994</v>
      </c>
    </row>
    <row r="10" spans="1:11" x14ac:dyDescent="0.7">
      <c r="I10" s="6" t="s">
        <v>38</v>
      </c>
      <c r="J10" s="8"/>
      <c r="K10" s="9">
        <v>66.3</v>
      </c>
    </row>
    <row r="11" spans="1:11" x14ac:dyDescent="0.7">
      <c r="I11" s="6" t="s">
        <v>39</v>
      </c>
      <c r="J11" s="8"/>
      <c r="K11" s="9">
        <v>66</v>
      </c>
    </row>
    <row r="12" spans="1:11" x14ac:dyDescent="0.7">
      <c r="I12" s="6" t="s">
        <v>40</v>
      </c>
      <c r="J12" s="8"/>
      <c r="K12" s="9">
        <v>65.5</v>
      </c>
    </row>
    <row r="13" spans="1:11" x14ac:dyDescent="0.7">
      <c r="I13" s="6" t="s">
        <v>41</v>
      </c>
      <c r="J13" s="8"/>
      <c r="K13" s="9">
        <v>61.9</v>
      </c>
    </row>
    <row r="14" spans="1:11" x14ac:dyDescent="0.7">
      <c r="I14" s="6" t="s">
        <v>42</v>
      </c>
      <c r="J14" s="8"/>
      <c r="K14" s="9">
        <v>64</v>
      </c>
    </row>
    <row r="15" spans="1:11" x14ac:dyDescent="0.7">
      <c r="I15" s="6" t="s">
        <v>43</v>
      </c>
      <c r="J15" s="8"/>
      <c r="K15" s="9">
        <v>60.2</v>
      </c>
    </row>
    <row r="16" spans="1:11" ht="18" customHeight="1" x14ac:dyDescent="0.7">
      <c r="A16" s="43" t="s">
        <v>91</v>
      </c>
      <c r="B16" s="43"/>
      <c r="C16" s="43"/>
      <c r="D16" s="43"/>
      <c r="E16" s="43"/>
      <c r="F16" s="43"/>
      <c r="G16" s="43"/>
      <c r="I16" s="6" t="s">
        <v>44</v>
      </c>
      <c r="J16" s="8"/>
      <c r="K16" s="9">
        <v>61.6</v>
      </c>
    </row>
    <row r="17" spans="1:11" x14ac:dyDescent="0.7">
      <c r="A17" s="43"/>
      <c r="B17" s="43"/>
      <c r="C17" s="43"/>
      <c r="D17" s="43"/>
      <c r="E17" s="43"/>
      <c r="F17" s="43"/>
      <c r="G17" s="43"/>
      <c r="I17" s="6" t="s">
        <v>45</v>
      </c>
      <c r="J17" s="8"/>
      <c r="K17" s="9">
        <v>64</v>
      </c>
    </row>
    <row r="18" spans="1:11" x14ac:dyDescent="0.7">
      <c r="I18" s="6" t="s">
        <v>46</v>
      </c>
      <c r="J18" s="8"/>
      <c r="K18" s="9">
        <v>67.099999999999994</v>
      </c>
    </row>
    <row r="19" spans="1:11" x14ac:dyDescent="0.7">
      <c r="I19" s="6" t="s">
        <v>47</v>
      </c>
      <c r="J19" s="8"/>
      <c r="K19" s="9">
        <v>69</v>
      </c>
    </row>
    <row r="20" spans="1:11" x14ac:dyDescent="0.7">
      <c r="I20" s="6" t="s">
        <v>48</v>
      </c>
      <c r="J20" s="8"/>
      <c r="K20" s="9">
        <v>68.3</v>
      </c>
    </row>
    <row r="21" spans="1:11" x14ac:dyDescent="0.7">
      <c r="I21" s="6" t="s">
        <v>49</v>
      </c>
      <c r="J21" s="8"/>
      <c r="K21" s="9">
        <v>65</v>
      </c>
    </row>
    <row r="22" spans="1:11" x14ac:dyDescent="0.7">
      <c r="I22" s="6" t="s">
        <v>50</v>
      </c>
      <c r="J22" s="8"/>
      <c r="K22" s="9">
        <v>64.5</v>
      </c>
    </row>
    <row r="23" spans="1:11" x14ac:dyDescent="0.7">
      <c r="I23" s="6" t="s">
        <v>51</v>
      </c>
      <c r="J23" s="8"/>
      <c r="K23" s="9">
        <v>62.5</v>
      </c>
    </row>
    <row r="24" spans="1:11" x14ac:dyDescent="0.7">
      <c r="I24" s="6" t="s">
        <v>52</v>
      </c>
      <c r="J24" s="8"/>
      <c r="K24" s="9">
        <v>62.3</v>
      </c>
    </row>
    <row r="25" spans="1:11" x14ac:dyDescent="0.7">
      <c r="I25" s="6" t="s">
        <v>53</v>
      </c>
      <c r="J25" s="8"/>
      <c r="K25" s="9">
        <v>67.400000000000006</v>
      </c>
    </row>
    <row r="26" spans="1:11" x14ac:dyDescent="0.7">
      <c r="I26" s="6" t="s">
        <v>54</v>
      </c>
      <c r="J26" s="8"/>
      <c r="K26" s="9">
        <v>67.400000000000006</v>
      </c>
    </row>
    <row r="27" spans="1:11" x14ac:dyDescent="0.7">
      <c r="I27" s="6" t="s">
        <v>55</v>
      </c>
      <c r="J27" s="8"/>
      <c r="K27" s="9">
        <v>65.8</v>
      </c>
    </row>
    <row r="28" spans="1:11" x14ac:dyDescent="0.7">
      <c r="I28" s="6" t="s">
        <v>56</v>
      </c>
      <c r="J28" s="8"/>
      <c r="K28" s="9">
        <v>60.6</v>
      </c>
    </row>
    <row r="29" spans="1:11" x14ac:dyDescent="0.7">
      <c r="I29" s="6" t="s">
        <v>57</v>
      </c>
      <c r="J29" s="8"/>
      <c r="K29" s="9">
        <v>65.2</v>
      </c>
    </row>
    <row r="30" spans="1:11" x14ac:dyDescent="0.7">
      <c r="I30" s="6" t="s">
        <v>58</v>
      </c>
      <c r="J30" s="8"/>
      <c r="K30" s="9">
        <v>68.5</v>
      </c>
    </row>
    <row r="31" spans="1:11" x14ac:dyDescent="0.7">
      <c r="I31" s="6" t="s">
        <v>59</v>
      </c>
      <c r="J31" s="8"/>
      <c r="K31" s="9">
        <v>69.599999999999994</v>
      </c>
    </row>
    <row r="32" spans="1:11" x14ac:dyDescent="0.7">
      <c r="I32" s="6" t="s">
        <v>60</v>
      </c>
      <c r="J32" s="8"/>
      <c r="K32" s="9">
        <v>64.8</v>
      </c>
    </row>
    <row r="33" spans="9:11" x14ac:dyDescent="0.7">
      <c r="I33" s="6" t="s">
        <v>61</v>
      </c>
      <c r="J33" s="8"/>
      <c r="K33" s="9">
        <v>66</v>
      </c>
    </row>
    <row r="34" spans="9:11" x14ac:dyDescent="0.7">
      <c r="I34" s="6" t="s">
        <v>62</v>
      </c>
      <c r="J34" s="8"/>
      <c r="K34" s="9">
        <v>67.900000000000006</v>
      </c>
    </row>
    <row r="35" spans="9:11" x14ac:dyDescent="0.7">
      <c r="I35" s="6" t="s">
        <v>63</v>
      </c>
      <c r="J35" s="8"/>
      <c r="K35" s="9">
        <v>66.8</v>
      </c>
    </row>
    <row r="36" spans="9:11" x14ac:dyDescent="0.7">
      <c r="I36" s="6" t="s">
        <v>64</v>
      </c>
      <c r="J36" s="8"/>
      <c r="K36" s="9">
        <v>67.099999999999994</v>
      </c>
    </row>
    <row r="37" spans="9:11" x14ac:dyDescent="0.7">
      <c r="I37" s="6" t="s">
        <v>65</v>
      </c>
      <c r="J37" s="8"/>
      <c r="K37" s="9">
        <v>67.3</v>
      </c>
    </row>
    <row r="38" spans="9:11" x14ac:dyDescent="0.7">
      <c r="I38" s="6" t="s">
        <v>66</v>
      </c>
      <c r="J38" s="8"/>
      <c r="K38" s="9">
        <v>68.2</v>
      </c>
    </row>
    <row r="39" spans="9:11" x14ac:dyDescent="0.7">
      <c r="I39" s="6" t="s">
        <v>67</v>
      </c>
      <c r="J39" s="8"/>
      <c r="K39" s="9">
        <v>65.599999999999994</v>
      </c>
    </row>
    <row r="40" spans="9:11" x14ac:dyDescent="0.7">
      <c r="I40" s="6" t="s">
        <v>68</v>
      </c>
      <c r="J40" s="8"/>
      <c r="K40" s="9">
        <v>67.599999999999994</v>
      </c>
    </row>
    <row r="41" spans="9:11" x14ac:dyDescent="0.7">
      <c r="I41" s="6" t="s">
        <v>69</v>
      </c>
      <c r="J41" s="8"/>
      <c r="K41" s="9">
        <v>64.7</v>
      </c>
    </row>
    <row r="42" spans="9:11" x14ac:dyDescent="0.7">
      <c r="I42" s="6" t="s">
        <v>70</v>
      </c>
      <c r="J42" s="8"/>
      <c r="K42" s="9">
        <v>67.099999999999994</v>
      </c>
    </row>
    <row r="43" spans="9:11" x14ac:dyDescent="0.7">
      <c r="I43" s="6" t="s">
        <v>71</v>
      </c>
      <c r="J43" s="8"/>
      <c r="K43" s="9">
        <v>67</v>
      </c>
    </row>
    <row r="44" spans="9:11" x14ac:dyDescent="0.7">
      <c r="I44" s="6" t="s">
        <v>72</v>
      </c>
      <c r="J44" s="8"/>
      <c r="K44" s="9">
        <v>66.3</v>
      </c>
    </row>
    <row r="45" spans="9:11" x14ac:dyDescent="0.7">
      <c r="I45" s="6" t="s">
        <v>73</v>
      </c>
      <c r="J45" s="8"/>
      <c r="K45" s="9">
        <v>70.8</v>
      </c>
    </row>
    <row r="46" spans="9:11" x14ac:dyDescent="0.7">
      <c r="I46" s="6" t="s">
        <v>74</v>
      </c>
      <c r="J46" s="8"/>
      <c r="K46" s="9">
        <v>69.900000000000006</v>
      </c>
    </row>
    <row r="47" spans="9:11" x14ac:dyDescent="0.7">
      <c r="I47" s="6" t="s">
        <v>75</v>
      </c>
      <c r="J47" s="8"/>
      <c r="K47" s="9">
        <v>68.900000000000006</v>
      </c>
    </row>
    <row r="48" spans="9:11" x14ac:dyDescent="0.7">
      <c r="I48" s="6" t="s">
        <v>76</v>
      </c>
      <c r="J48" s="8"/>
      <c r="K48" s="9">
        <v>72.2</v>
      </c>
    </row>
  </sheetData>
  <mergeCells count="1">
    <mergeCell ref="A16:G17"/>
  </mergeCells>
  <phoneticPr fontId="1"/>
  <pageMargins left="0.7" right="0.7" top="0.75" bottom="0.75" header="0.3" footer="0.3"/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C6E183-EDD2-462F-92B4-63EED8C9FD9A}">
  <sheetPr>
    <tabColor theme="6" tint="0.39997558519241921"/>
  </sheetPr>
  <dimension ref="A1:AG48"/>
  <sheetViews>
    <sheetView topLeftCell="S43" workbookViewId="0">
      <selection activeCell="I53" sqref="I53"/>
    </sheetView>
  </sheetViews>
  <sheetFormatPr defaultRowHeight="17.649999999999999" x14ac:dyDescent="0.7"/>
  <cols>
    <col min="1" max="4" width="8.75" style="1"/>
    <col min="5" max="11" width="9" style="1"/>
    <col min="13" max="14" width="9" style="1"/>
    <col min="17" max="20" width="9" style="1"/>
    <col min="22" max="23" width="9" style="1"/>
    <col min="25" max="26" width="9" style="1"/>
    <col min="29" max="31" width="9" style="1"/>
  </cols>
  <sheetData>
    <row r="1" spans="1:33" x14ac:dyDescent="0.7">
      <c r="B1" s="1" t="s">
        <v>98</v>
      </c>
      <c r="C1" s="1" t="s">
        <v>104</v>
      </c>
      <c r="D1" s="1" t="s">
        <v>105</v>
      </c>
      <c r="E1" s="1" t="s">
        <v>190</v>
      </c>
      <c r="F1" s="1" t="s">
        <v>192</v>
      </c>
      <c r="G1" s="1" t="s">
        <v>191</v>
      </c>
      <c r="H1" s="1" t="s">
        <v>193</v>
      </c>
      <c r="I1" s="1" t="s">
        <v>194</v>
      </c>
      <c r="J1" s="1" t="s">
        <v>195</v>
      </c>
      <c r="K1" s="1" t="s">
        <v>106</v>
      </c>
      <c r="L1" s="1" t="s">
        <v>27</v>
      </c>
      <c r="M1" s="1" t="s">
        <v>196</v>
      </c>
      <c r="N1" s="1" t="s">
        <v>197</v>
      </c>
      <c r="O1" s="1" t="s">
        <v>28</v>
      </c>
      <c r="P1" s="1" t="s">
        <v>102</v>
      </c>
      <c r="Q1" s="1" t="s">
        <v>198</v>
      </c>
      <c r="R1" s="1" t="s">
        <v>199</v>
      </c>
      <c r="S1" s="1" t="s">
        <v>200</v>
      </c>
      <c r="T1" s="1" t="s">
        <v>201</v>
      </c>
      <c r="U1" s="1" t="s">
        <v>103</v>
      </c>
      <c r="V1" s="1" t="s">
        <v>202</v>
      </c>
      <c r="W1" s="1" t="s">
        <v>203</v>
      </c>
      <c r="X1" s="1" t="s">
        <v>107</v>
      </c>
      <c r="Y1" s="1" t="s">
        <v>204</v>
      </c>
      <c r="Z1" s="1" t="s">
        <v>205</v>
      </c>
      <c r="AA1" s="1" t="s">
        <v>109</v>
      </c>
      <c r="AB1" s="1" t="s">
        <v>108</v>
      </c>
      <c r="AC1" s="1" t="s">
        <v>206</v>
      </c>
      <c r="AD1" s="1" t="s">
        <v>207</v>
      </c>
      <c r="AE1" s="1" t="s">
        <v>208</v>
      </c>
    </row>
    <row r="2" spans="1:33" x14ac:dyDescent="0.7">
      <c r="A2" s="1" t="s">
        <v>30</v>
      </c>
      <c r="B2" s="1">
        <v>2.75</v>
      </c>
      <c r="C2" s="1">
        <v>26176</v>
      </c>
      <c r="D2" s="1">
        <v>9351</v>
      </c>
      <c r="E2" s="1">
        <v>1608</v>
      </c>
      <c r="F2" s="1">
        <v>697</v>
      </c>
      <c r="G2" s="1">
        <v>501</v>
      </c>
      <c r="H2" s="1">
        <v>2672</v>
      </c>
      <c r="I2" s="1">
        <v>908</v>
      </c>
      <c r="J2" s="1">
        <v>2579</v>
      </c>
      <c r="K2" s="1">
        <v>4906</v>
      </c>
      <c r="L2" s="1">
        <v>12084</v>
      </c>
      <c r="M2" s="1">
        <v>34691</v>
      </c>
      <c r="N2" s="1">
        <v>13812</v>
      </c>
      <c r="O2" s="1">
        <v>1446</v>
      </c>
      <c r="P2" s="1">
        <v>5954</v>
      </c>
      <c r="Q2" s="1">
        <v>105586</v>
      </c>
      <c r="R2" s="1">
        <v>339</v>
      </c>
      <c r="S2" s="1">
        <v>38466</v>
      </c>
      <c r="T2" s="1">
        <v>700</v>
      </c>
      <c r="U2" s="1">
        <v>1784</v>
      </c>
      <c r="V2" s="1">
        <v>1898</v>
      </c>
      <c r="W2" s="1">
        <v>94563</v>
      </c>
      <c r="X2" s="1">
        <v>6846</v>
      </c>
      <c r="Y2" s="1">
        <v>8710</v>
      </c>
      <c r="Z2" s="1">
        <v>51419</v>
      </c>
      <c r="AA2" s="1">
        <v>145176</v>
      </c>
      <c r="AB2" s="1">
        <v>18520</v>
      </c>
      <c r="AC2" s="1">
        <v>7392</v>
      </c>
      <c r="AD2" s="1">
        <v>4133</v>
      </c>
      <c r="AE2" s="1">
        <v>6163</v>
      </c>
      <c r="AG2" s="25" t="s">
        <v>99</v>
      </c>
    </row>
    <row r="3" spans="1:33" x14ac:dyDescent="0.7">
      <c r="A3" s="1" t="s">
        <v>31</v>
      </c>
      <c r="B3" s="1">
        <v>2.82</v>
      </c>
      <c r="C3" s="1">
        <v>22001</v>
      </c>
      <c r="D3" s="1">
        <v>9159</v>
      </c>
      <c r="E3" s="1">
        <v>1189</v>
      </c>
      <c r="F3" s="1">
        <v>496</v>
      </c>
      <c r="G3" s="1">
        <v>567</v>
      </c>
      <c r="H3" s="1">
        <v>2973</v>
      </c>
      <c r="I3" s="1">
        <v>352</v>
      </c>
      <c r="J3" s="1">
        <v>3688</v>
      </c>
      <c r="K3" s="1">
        <v>6289</v>
      </c>
      <c r="L3" s="1">
        <v>15393</v>
      </c>
      <c r="M3" s="1">
        <v>33320</v>
      </c>
      <c r="N3" s="1">
        <v>14732</v>
      </c>
      <c r="O3" s="1">
        <v>2043</v>
      </c>
      <c r="P3" s="1">
        <v>8012</v>
      </c>
      <c r="Q3" s="1">
        <v>114122</v>
      </c>
      <c r="R3" s="1">
        <v>199</v>
      </c>
      <c r="S3" s="1">
        <v>40284</v>
      </c>
      <c r="T3" s="1">
        <v>700</v>
      </c>
      <c r="U3" s="1">
        <v>1478</v>
      </c>
      <c r="V3" s="1">
        <v>2116</v>
      </c>
      <c r="W3" s="1">
        <v>92054</v>
      </c>
      <c r="X3" s="1">
        <v>6545</v>
      </c>
      <c r="Y3" s="1">
        <v>7694</v>
      </c>
      <c r="Z3" s="1">
        <v>59205</v>
      </c>
      <c r="AA3" s="1">
        <v>105115</v>
      </c>
      <c r="AB3" s="1">
        <v>13481</v>
      </c>
      <c r="AC3" s="1">
        <v>7417</v>
      </c>
      <c r="AD3" s="1">
        <v>4390</v>
      </c>
      <c r="AE3" s="1">
        <v>3815</v>
      </c>
      <c r="AG3" s="25" t="s">
        <v>100</v>
      </c>
    </row>
    <row r="4" spans="1:33" x14ac:dyDescent="0.7">
      <c r="A4" s="1" t="s">
        <v>32</v>
      </c>
      <c r="B4" s="1">
        <v>2.94</v>
      </c>
      <c r="C4" s="1">
        <v>23670</v>
      </c>
      <c r="D4" s="1">
        <v>8671</v>
      </c>
      <c r="E4" s="1">
        <v>1319</v>
      </c>
      <c r="F4" s="1">
        <v>646</v>
      </c>
      <c r="G4" s="1">
        <v>443</v>
      </c>
      <c r="H4" s="1">
        <v>2624</v>
      </c>
      <c r="I4" s="1">
        <v>757</v>
      </c>
      <c r="J4" s="1">
        <v>1733</v>
      </c>
      <c r="K4" s="1">
        <v>6591</v>
      </c>
      <c r="L4" s="1">
        <v>10622</v>
      </c>
      <c r="M4" s="1">
        <v>32516</v>
      </c>
      <c r="N4" s="1">
        <v>16302</v>
      </c>
      <c r="O4" s="1">
        <v>2010</v>
      </c>
      <c r="P4" s="1">
        <v>7286</v>
      </c>
      <c r="Q4" s="1">
        <v>118186</v>
      </c>
      <c r="R4" s="1">
        <v>313</v>
      </c>
      <c r="S4" s="1">
        <v>44132</v>
      </c>
      <c r="T4" s="1">
        <v>825</v>
      </c>
      <c r="U4" s="1">
        <v>1056</v>
      </c>
      <c r="V4" s="1">
        <v>2723</v>
      </c>
      <c r="W4" s="1">
        <v>107394</v>
      </c>
      <c r="X4" s="1">
        <v>8484</v>
      </c>
      <c r="Y4" s="1">
        <v>8553</v>
      </c>
      <c r="Z4" s="1">
        <v>57142</v>
      </c>
      <c r="AA4" s="1">
        <v>136860</v>
      </c>
      <c r="AB4" s="1">
        <v>14340</v>
      </c>
      <c r="AC4" s="1">
        <v>8090</v>
      </c>
      <c r="AD4" s="1">
        <v>4399</v>
      </c>
      <c r="AE4" s="1">
        <v>5635</v>
      </c>
      <c r="AG4" s="25" t="s">
        <v>101</v>
      </c>
    </row>
    <row r="5" spans="1:33" x14ac:dyDescent="0.7">
      <c r="A5" s="1" t="s">
        <v>33</v>
      </c>
      <c r="B5" s="1">
        <v>2.94</v>
      </c>
      <c r="C5" s="1">
        <v>19877</v>
      </c>
      <c r="D5" s="1">
        <v>10061</v>
      </c>
      <c r="E5" s="1">
        <v>1489</v>
      </c>
      <c r="F5" s="1">
        <v>607</v>
      </c>
      <c r="G5" s="1">
        <v>375</v>
      </c>
      <c r="H5" s="1">
        <v>2290</v>
      </c>
      <c r="I5" s="1">
        <v>1212</v>
      </c>
      <c r="J5" s="1">
        <v>1105</v>
      </c>
      <c r="K5" s="1">
        <v>5673</v>
      </c>
      <c r="L5" s="1">
        <v>13068</v>
      </c>
      <c r="M5" s="1">
        <v>33797</v>
      </c>
      <c r="N5" s="1">
        <v>14836</v>
      </c>
      <c r="O5" s="1">
        <v>2188</v>
      </c>
      <c r="P5" s="1">
        <v>7210</v>
      </c>
      <c r="Q5" s="1">
        <v>117275</v>
      </c>
      <c r="R5" s="1">
        <v>391</v>
      </c>
      <c r="S5" s="1">
        <v>42336</v>
      </c>
      <c r="T5" s="1">
        <v>1298</v>
      </c>
      <c r="U5" s="1">
        <v>777</v>
      </c>
      <c r="V5" s="1">
        <v>2273</v>
      </c>
      <c r="W5" s="1">
        <v>106572</v>
      </c>
      <c r="X5" s="1">
        <v>7843</v>
      </c>
      <c r="Y5" s="1">
        <v>8277</v>
      </c>
      <c r="Z5" s="1">
        <v>50948</v>
      </c>
      <c r="AA5" s="1">
        <v>162182</v>
      </c>
      <c r="AB5" s="1">
        <v>15983</v>
      </c>
      <c r="AC5" s="1">
        <v>7206</v>
      </c>
      <c r="AD5" s="1">
        <v>5797</v>
      </c>
      <c r="AE5" s="1">
        <v>8958</v>
      </c>
    </row>
    <row r="6" spans="1:33" x14ac:dyDescent="0.7">
      <c r="A6" s="1" t="s">
        <v>34</v>
      </c>
      <c r="B6" s="1">
        <v>2.67</v>
      </c>
      <c r="C6" s="1">
        <v>19327</v>
      </c>
      <c r="D6" s="1">
        <v>8095</v>
      </c>
      <c r="E6" s="1">
        <v>1244</v>
      </c>
      <c r="F6" s="1">
        <v>757</v>
      </c>
      <c r="G6" s="1">
        <v>674</v>
      </c>
      <c r="H6" s="1">
        <v>3129</v>
      </c>
      <c r="I6" s="1">
        <v>598</v>
      </c>
      <c r="J6" s="1">
        <v>1540</v>
      </c>
      <c r="K6" s="1">
        <v>6476</v>
      </c>
      <c r="L6" s="1">
        <v>13286</v>
      </c>
      <c r="M6" s="1">
        <v>35959</v>
      </c>
      <c r="N6" s="1">
        <v>15070</v>
      </c>
      <c r="O6" s="1">
        <v>2163</v>
      </c>
      <c r="P6" s="1">
        <v>6647</v>
      </c>
      <c r="Q6" s="1">
        <v>123432</v>
      </c>
      <c r="R6" s="1">
        <v>434</v>
      </c>
      <c r="S6" s="1">
        <v>45700</v>
      </c>
      <c r="T6" s="1">
        <v>996</v>
      </c>
      <c r="U6" s="1">
        <v>2020</v>
      </c>
      <c r="V6" s="1">
        <v>2959</v>
      </c>
      <c r="W6" s="1">
        <v>96700</v>
      </c>
      <c r="X6" s="1">
        <v>6474</v>
      </c>
      <c r="Y6" s="1">
        <v>8277</v>
      </c>
      <c r="Z6" s="1">
        <v>56234</v>
      </c>
      <c r="AA6" s="1">
        <v>125047</v>
      </c>
      <c r="AB6" s="1">
        <v>15221</v>
      </c>
      <c r="AC6" s="1">
        <v>7613</v>
      </c>
      <c r="AD6" s="1">
        <v>3703</v>
      </c>
      <c r="AE6" s="1">
        <v>4563</v>
      </c>
      <c r="AG6" s="27" t="s">
        <v>124</v>
      </c>
    </row>
    <row r="7" spans="1:33" x14ac:dyDescent="0.7">
      <c r="A7" s="1" t="s">
        <v>35</v>
      </c>
      <c r="B7" s="1">
        <v>3.06</v>
      </c>
      <c r="C7" s="1">
        <v>26238</v>
      </c>
      <c r="D7" s="1">
        <v>9009</v>
      </c>
      <c r="E7" s="1">
        <v>1853</v>
      </c>
      <c r="F7" s="1">
        <v>649</v>
      </c>
      <c r="G7" s="1">
        <v>577</v>
      </c>
      <c r="H7" s="1">
        <v>2573</v>
      </c>
      <c r="I7" s="1">
        <v>890</v>
      </c>
      <c r="J7" s="1">
        <v>1556</v>
      </c>
      <c r="K7" s="1">
        <v>6197</v>
      </c>
      <c r="L7" s="1">
        <v>25422</v>
      </c>
      <c r="M7" s="1">
        <v>35030</v>
      </c>
      <c r="N7" s="1">
        <v>16808</v>
      </c>
      <c r="O7" s="1">
        <v>2046</v>
      </c>
      <c r="P7" s="1">
        <v>6802</v>
      </c>
      <c r="Q7" s="1">
        <v>122701</v>
      </c>
      <c r="R7" s="1">
        <v>416</v>
      </c>
      <c r="S7" s="1">
        <v>54312</v>
      </c>
      <c r="T7" s="1">
        <v>1369</v>
      </c>
      <c r="U7" s="1">
        <v>955</v>
      </c>
      <c r="V7" s="1">
        <v>2743</v>
      </c>
      <c r="W7" s="1">
        <v>108625</v>
      </c>
      <c r="X7" s="1">
        <v>7839</v>
      </c>
      <c r="Y7" s="1">
        <v>8420</v>
      </c>
      <c r="Z7" s="1">
        <v>54090</v>
      </c>
      <c r="AA7" s="1">
        <v>157823</v>
      </c>
      <c r="AB7" s="1">
        <v>17317</v>
      </c>
      <c r="AC7" s="1">
        <v>10070</v>
      </c>
      <c r="AD7" s="1">
        <v>5053</v>
      </c>
      <c r="AE7" s="1">
        <v>6198</v>
      </c>
    </row>
    <row r="8" spans="1:33" x14ac:dyDescent="0.7">
      <c r="A8" s="1" t="s">
        <v>36</v>
      </c>
      <c r="B8" s="1">
        <v>2.9</v>
      </c>
      <c r="C8" s="1">
        <v>26070</v>
      </c>
      <c r="D8" s="1">
        <v>8795</v>
      </c>
      <c r="E8" s="1">
        <v>1349</v>
      </c>
      <c r="F8" s="1">
        <v>575</v>
      </c>
      <c r="G8" s="1">
        <v>661</v>
      </c>
      <c r="H8" s="1">
        <v>2192</v>
      </c>
      <c r="I8" s="1">
        <v>666</v>
      </c>
      <c r="J8" s="1">
        <v>1190</v>
      </c>
      <c r="K8" s="1">
        <v>6865</v>
      </c>
      <c r="L8" s="1">
        <v>12139</v>
      </c>
      <c r="M8" s="1">
        <v>37060</v>
      </c>
      <c r="N8" s="1">
        <v>15397</v>
      </c>
      <c r="O8" s="1">
        <v>1899</v>
      </c>
      <c r="P8" s="1">
        <v>7450</v>
      </c>
      <c r="Q8" s="1">
        <v>115871</v>
      </c>
      <c r="R8" s="1">
        <v>574</v>
      </c>
      <c r="S8" s="1">
        <v>45746</v>
      </c>
      <c r="T8" s="1">
        <v>6629</v>
      </c>
      <c r="U8" s="1">
        <v>507</v>
      </c>
      <c r="V8" s="1">
        <v>2579</v>
      </c>
      <c r="W8" s="1">
        <v>109429</v>
      </c>
      <c r="X8" s="1">
        <v>8568</v>
      </c>
      <c r="Y8" s="1">
        <v>8223</v>
      </c>
      <c r="Z8" s="1">
        <v>50761</v>
      </c>
      <c r="AA8" s="1">
        <v>140070</v>
      </c>
      <c r="AB8" s="1">
        <v>16321</v>
      </c>
      <c r="AC8" s="1">
        <v>6120</v>
      </c>
      <c r="AD8" s="1">
        <v>4992</v>
      </c>
      <c r="AE8" s="1">
        <v>5715</v>
      </c>
    </row>
    <row r="9" spans="1:33" x14ac:dyDescent="0.7">
      <c r="A9" s="1" t="s">
        <v>37</v>
      </c>
      <c r="B9" s="1">
        <v>2.75</v>
      </c>
      <c r="C9" s="1">
        <v>18487</v>
      </c>
      <c r="D9" s="1">
        <v>9901</v>
      </c>
      <c r="E9" s="1">
        <v>2051</v>
      </c>
      <c r="F9" s="1">
        <v>553</v>
      </c>
      <c r="G9" s="1">
        <v>560</v>
      </c>
      <c r="H9" s="1">
        <v>1957</v>
      </c>
      <c r="I9" s="1">
        <v>528</v>
      </c>
      <c r="J9" s="1">
        <v>819</v>
      </c>
      <c r="K9" s="1">
        <v>6346</v>
      </c>
      <c r="L9" s="1">
        <v>12926</v>
      </c>
      <c r="M9" s="1">
        <v>30554</v>
      </c>
      <c r="N9" s="1">
        <v>13953</v>
      </c>
      <c r="O9" s="1">
        <v>2014</v>
      </c>
      <c r="P9" s="1">
        <v>5405</v>
      </c>
      <c r="Q9" s="1">
        <v>102493</v>
      </c>
      <c r="R9" s="1">
        <v>488</v>
      </c>
      <c r="S9" s="1">
        <v>46653</v>
      </c>
      <c r="T9" s="1">
        <v>968</v>
      </c>
      <c r="U9" s="1">
        <v>3746</v>
      </c>
      <c r="V9" s="1">
        <v>2128</v>
      </c>
      <c r="W9" s="1">
        <v>103694</v>
      </c>
      <c r="X9" s="1">
        <v>7483</v>
      </c>
      <c r="Y9" s="1">
        <v>8491</v>
      </c>
      <c r="Z9" s="1">
        <v>41287</v>
      </c>
      <c r="AA9" s="1">
        <v>150839</v>
      </c>
      <c r="AB9" s="1">
        <v>15059</v>
      </c>
      <c r="AC9" s="1">
        <v>6326</v>
      </c>
      <c r="AD9" s="1">
        <v>5286</v>
      </c>
      <c r="AE9" s="1">
        <v>7291</v>
      </c>
    </row>
    <row r="10" spans="1:33" x14ac:dyDescent="0.7">
      <c r="A10" s="1" t="s">
        <v>38</v>
      </c>
      <c r="B10" s="1">
        <v>2.88</v>
      </c>
      <c r="C10" s="1">
        <v>18576</v>
      </c>
      <c r="D10" s="1">
        <v>10350</v>
      </c>
      <c r="E10" s="1">
        <v>1896</v>
      </c>
      <c r="F10" s="1">
        <v>474</v>
      </c>
      <c r="G10" s="1">
        <v>462</v>
      </c>
      <c r="H10" s="1">
        <v>2318</v>
      </c>
      <c r="I10" s="1">
        <v>522</v>
      </c>
      <c r="J10" s="1">
        <v>1269</v>
      </c>
      <c r="K10" s="1">
        <v>5644</v>
      </c>
      <c r="L10" s="1">
        <v>16588</v>
      </c>
      <c r="M10" s="1">
        <v>31780</v>
      </c>
      <c r="N10" s="1">
        <v>15092</v>
      </c>
      <c r="O10" s="1">
        <v>2942</v>
      </c>
      <c r="P10" s="1">
        <v>5981</v>
      </c>
      <c r="Q10" s="1">
        <v>110293</v>
      </c>
      <c r="R10" s="1">
        <v>396</v>
      </c>
      <c r="S10" s="1">
        <v>45999</v>
      </c>
      <c r="T10" s="1">
        <v>1044</v>
      </c>
      <c r="U10" s="1">
        <v>846</v>
      </c>
      <c r="V10" s="1">
        <v>2174</v>
      </c>
      <c r="W10" s="1">
        <v>104023</v>
      </c>
      <c r="X10" s="1">
        <v>8487</v>
      </c>
      <c r="Y10" s="1">
        <v>7797</v>
      </c>
      <c r="Z10" s="1">
        <v>41789</v>
      </c>
      <c r="AA10" s="1">
        <v>189726</v>
      </c>
      <c r="AB10" s="1">
        <v>18171</v>
      </c>
      <c r="AC10" s="1">
        <v>7227</v>
      </c>
      <c r="AD10" s="1">
        <v>7121</v>
      </c>
      <c r="AE10" s="1">
        <v>9009</v>
      </c>
    </row>
    <row r="11" spans="1:33" x14ac:dyDescent="0.7">
      <c r="A11" s="1" t="s">
        <v>39</v>
      </c>
      <c r="B11" s="1">
        <v>2.75</v>
      </c>
      <c r="C11" s="1">
        <v>25268</v>
      </c>
      <c r="D11" s="1">
        <v>9354</v>
      </c>
      <c r="E11" s="1">
        <v>1403</v>
      </c>
      <c r="F11" s="1">
        <v>392</v>
      </c>
      <c r="G11" s="1">
        <v>492</v>
      </c>
      <c r="H11" s="1">
        <v>1977</v>
      </c>
      <c r="I11" s="1">
        <v>664</v>
      </c>
      <c r="J11" s="1">
        <v>952</v>
      </c>
      <c r="K11" s="1">
        <v>6219</v>
      </c>
      <c r="L11" s="1">
        <v>11568</v>
      </c>
      <c r="M11" s="1">
        <v>29936</v>
      </c>
      <c r="N11" s="1">
        <v>15201</v>
      </c>
      <c r="O11" s="1">
        <v>1989</v>
      </c>
      <c r="P11" s="1">
        <v>5181</v>
      </c>
      <c r="Q11" s="1">
        <v>108028</v>
      </c>
      <c r="R11" s="1">
        <v>391</v>
      </c>
      <c r="S11" s="1">
        <v>44242</v>
      </c>
      <c r="T11" s="1">
        <v>1037</v>
      </c>
      <c r="U11" s="1">
        <v>653</v>
      </c>
      <c r="V11" s="1">
        <v>2192</v>
      </c>
      <c r="W11" s="1">
        <v>92877</v>
      </c>
      <c r="X11" s="1">
        <v>7181</v>
      </c>
      <c r="Y11" s="1">
        <v>7752</v>
      </c>
      <c r="Z11" s="1">
        <v>40224</v>
      </c>
      <c r="AA11" s="1">
        <v>162658</v>
      </c>
      <c r="AB11" s="1">
        <v>12729</v>
      </c>
      <c r="AC11" s="1">
        <v>7947</v>
      </c>
      <c r="AD11" s="1">
        <v>6087</v>
      </c>
      <c r="AE11" s="1">
        <v>6571</v>
      </c>
    </row>
    <row r="12" spans="1:33" x14ac:dyDescent="0.7">
      <c r="A12" s="1" t="s">
        <v>40</v>
      </c>
      <c r="B12" s="1">
        <v>3.03</v>
      </c>
      <c r="C12" s="1">
        <v>23813</v>
      </c>
      <c r="D12" s="1">
        <v>10961</v>
      </c>
      <c r="E12" s="1">
        <v>1631</v>
      </c>
      <c r="F12" s="1">
        <v>541</v>
      </c>
      <c r="G12" s="1">
        <v>698</v>
      </c>
      <c r="H12" s="1">
        <v>2617</v>
      </c>
      <c r="I12" s="1">
        <v>517</v>
      </c>
      <c r="J12" s="1">
        <v>833</v>
      </c>
      <c r="K12" s="1">
        <v>5219</v>
      </c>
      <c r="L12" s="1">
        <v>17142</v>
      </c>
      <c r="M12" s="1">
        <v>36802</v>
      </c>
      <c r="N12" s="1">
        <v>15631</v>
      </c>
      <c r="O12" s="1">
        <v>2757</v>
      </c>
      <c r="P12" s="1">
        <v>5360</v>
      </c>
      <c r="Q12" s="1">
        <v>123274</v>
      </c>
      <c r="R12" s="1">
        <v>358</v>
      </c>
      <c r="S12" s="1">
        <v>45811</v>
      </c>
      <c r="T12" s="1">
        <v>1184</v>
      </c>
      <c r="U12" s="1">
        <v>1210</v>
      </c>
      <c r="V12" s="1">
        <v>2389</v>
      </c>
      <c r="W12" s="1">
        <v>112321</v>
      </c>
      <c r="X12" s="1">
        <v>9328</v>
      </c>
      <c r="Y12" s="1">
        <v>8492</v>
      </c>
      <c r="Z12" s="1">
        <v>49517</v>
      </c>
      <c r="AA12" s="1">
        <v>229706</v>
      </c>
      <c r="AB12" s="1">
        <v>16143</v>
      </c>
      <c r="AC12" s="1">
        <v>10754</v>
      </c>
      <c r="AD12" s="1">
        <v>7576</v>
      </c>
      <c r="AE12" s="1">
        <v>12604</v>
      </c>
    </row>
    <row r="13" spans="1:33" x14ac:dyDescent="0.7">
      <c r="A13" s="1" t="s">
        <v>41</v>
      </c>
      <c r="B13" s="1">
        <v>2.73</v>
      </c>
      <c r="C13" s="1">
        <v>21352</v>
      </c>
      <c r="D13" s="1">
        <v>11330</v>
      </c>
      <c r="E13" s="1">
        <v>1698</v>
      </c>
      <c r="F13" s="1">
        <v>518</v>
      </c>
      <c r="G13" s="1">
        <v>852</v>
      </c>
      <c r="H13" s="1">
        <v>2885</v>
      </c>
      <c r="I13" s="1">
        <v>806</v>
      </c>
      <c r="J13" s="1">
        <v>1166</v>
      </c>
      <c r="K13" s="1">
        <v>5011</v>
      </c>
      <c r="L13" s="1">
        <v>20096</v>
      </c>
      <c r="M13" s="1">
        <v>33367</v>
      </c>
      <c r="N13" s="1">
        <v>16675</v>
      </c>
      <c r="O13" s="1">
        <v>2553</v>
      </c>
      <c r="P13" s="1">
        <v>5362</v>
      </c>
      <c r="Q13" s="1">
        <v>119873</v>
      </c>
      <c r="R13" s="1">
        <v>437</v>
      </c>
      <c r="S13" s="1">
        <v>49751</v>
      </c>
      <c r="T13" s="1">
        <v>1070</v>
      </c>
      <c r="U13" s="1">
        <v>1281</v>
      </c>
      <c r="V13" s="1">
        <v>2203</v>
      </c>
      <c r="W13" s="1">
        <v>107495</v>
      </c>
      <c r="X13" s="1">
        <v>9001</v>
      </c>
      <c r="Y13" s="1">
        <v>7932</v>
      </c>
      <c r="Z13" s="1">
        <v>44301</v>
      </c>
      <c r="AA13" s="1">
        <v>202838</v>
      </c>
      <c r="AB13" s="1">
        <v>16398</v>
      </c>
      <c r="AC13" s="1">
        <v>7390</v>
      </c>
      <c r="AD13" s="1">
        <v>7228</v>
      </c>
      <c r="AE13" s="1">
        <v>11267</v>
      </c>
    </row>
    <row r="14" spans="1:33" x14ac:dyDescent="0.7">
      <c r="A14" s="1" t="s">
        <v>42</v>
      </c>
      <c r="B14" s="1">
        <v>2.9</v>
      </c>
      <c r="C14" s="1">
        <v>20895</v>
      </c>
      <c r="D14" s="1">
        <v>11842</v>
      </c>
      <c r="E14" s="1">
        <v>1802</v>
      </c>
      <c r="F14" s="1">
        <v>543</v>
      </c>
      <c r="G14" s="1">
        <v>1040</v>
      </c>
      <c r="H14" s="1">
        <v>2867</v>
      </c>
      <c r="I14" s="1">
        <v>925</v>
      </c>
      <c r="J14" s="1">
        <v>1395</v>
      </c>
      <c r="K14" s="1">
        <v>4624</v>
      </c>
      <c r="L14" s="1">
        <v>22768</v>
      </c>
      <c r="M14" s="1">
        <v>36718</v>
      </c>
      <c r="N14" s="1">
        <v>16411</v>
      </c>
      <c r="O14" s="1">
        <v>2947</v>
      </c>
      <c r="P14" s="1">
        <v>5010</v>
      </c>
      <c r="Q14" s="1">
        <v>128002</v>
      </c>
      <c r="R14" s="1">
        <v>375</v>
      </c>
      <c r="S14" s="1">
        <v>47095</v>
      </c>
      <c r="T14" s="1">
        <v>1233</v>
      </c>
      <c r="U14" s="1">
        <v>1064</v>
      </c>
      <c r="V14" s="1">
        <v>2259</v>
      </c>
      <c r="W14" s="1">
        <v>107962</v>
      </c>
      <c r="X14" s="1">
        <v>8779</v>
      </c>
      <c r="Y14" s="1">
        <v>8845</v>
      </c>
      <c r="Z14" s="1">
        <v>51420</v>
      </c>
      <c r="AA14" s="1">
        <v>242244</v>
      </c>
      <c r="AB14" s="1">
        <v>17051</v>
      </c>
      <c r="AC14" s="1">
        <v>7686</v>
      </c>
      <c r="AD14" s="1">
        <v>6663</v>
      </c>
      <c r="AE14" s="1">
        <v>13605</v>
      </c>
    </row>
    <row r="15" spans="1:33" x14ac:dyDescent="0.7">
      <c r="A15" s="1" t="s">
        <v>43</v>
      </c>
      <c r="B15" s="1">
        <v>2.84</v>
      </c>
      <c r="C15" s="1">
        <v>22182</v>
      </c>
      <c r="D15" s="1">
        <v>11334</v>
      </c>
      <c r="E15" s="1">
        <v>1597</v>
      </c>
      <c r="F15" s="1">
        <v>442</v>
      </c>
      <c r="G15" s="1">
        <v>1029</v>
      </c>
      <c r="H15" s="1">
        <v>2950</v>
      </c>
      <c r="I15" s="1">
        <v>861</v>
      </c>
      <c r="J15" s="1">
        <v>1357</v>
      </c>
      <c r="K15" s="1">
        <v>4595</v>
      </c>
      <c r="L15" s="1">
        <v>22929</v>
      </c>
      <c r="M15" s="1">
        <v>36230</v>
      </c>
      <c r="N15" s="1">
        <v>16025</v>
      </c>
      <c r="O15" s="1">
        <v>2563</v>
      </c>
      <c r="P15" s="1">
        <v>4899</v>
      </c>
      <c r="Q15" s="1">
        <v>125196</v>
      </c>
      <c r="R15" s="1">
        <v>339</v>
      </c>
      <c r="S15" s="1">
        <v>44880</v>
      </c>
      <c r="T15" s="1">
        <v>1068</v>
      </c>
      <c r="U15" s="1">
        <v>1185</v>
      </c>
      <c r="V15" s="1">
        <v>2050</v>
      </c>
      <c r="W15" s="1">
        <v>103983</v>
      </c>
      <c r="X15" s="1">
        <v>8731</v>
      </c>
      <c r="Y15" s="1">
        <v>8015</v>
      </c>
      <c r="Z15" s="1">
        <v>46151</v>
      </c>
      <c r="AA15" s="1">
        <v>209099</v>
      </c>
      <c r="AB15" s="1">
        <v>15960</v>
      </c>
      <c r="AC15" s="1">
        <v>8174</v>
      </c>
      <c r="AD15" s="1">
        <v>5806</v>
      </c>
      <c r="AE15" s="1">
        <v>11757</v>
      </c>
    </row>
    <row r="16" spans="1:33" x14ac:dyDescent="0.7">
      <c r="A16" s="1" t="s">
        <v>44</v>
      </c>
      <c r="B16" s="1">
        <v>3.03</v>
      </c>
      <c r="C16" s="1">
        <v>27341</v>
      </c>
      <c r="D16" s="1">
        <v>10790</v>
      </c>
      <c r="E16" s="1">
        <v>2256</v>
      </c>
      <c r="F16" s="1">
        <v>503</v>
      </c>
      <c r="G16" s="1">
        <v>464</v>
      </c>
      <c r="H16" s="1">
        <v>2576</v>
      </c>
      <c r="I16" s="1">
        <v>589</v>
      </c>
      <c r="J16" s="1">
        <v>1178</v>
      </c>
      <c r="K16" s="1">
        <v>5512</v>
      </c>
      <c r="L16" s="1">
        <v>11136</v>
      </c>
      <c r="M16" s="1">
        <v>38033</v>
      </c>
      <c r="N16" s="1">
        <v>15560</v>
      </c>
      <c r="O16" s="1">
        <v>1519</v>
      </c>
      <c r="P16" s="1">
        <v>7190</v>
      </c>
      <c r="Q16" s="1">
        <v>128044</v>
      </c>
      <c r="R16" s="1">
        <v>443</v>
      </c>
      <c r="S16" s="1">
        <v>45105</v>
      </c>
      <c r="T16" s="1">
        <v>1458</v>
      </c>
      <c r="U16" s="1">
        <v>968</v>
      </c>
      <c r="V16" s="1">
        <v>2839</v>
      </c>
      <c r="W16" s="1">
        <v>98581</v>
      </c>
      <c r="X16" s="1">
        <v>7748</v>
      </c>
      <c r="Y16" s="1">
        <v>8138</v>
      </c>
      <c r="Z16" s="1">
        <v>59154</v>
      </c>
      <c r="AA16" s="1">
        <v>140938</v>
      </c>
      <c r="AB16" s="1">
        <v>14785</v>
      </c>
      <c r="AC16" s="1">
        <v>5349</v>
      </c>
      <c r="AD16" s="1">
        <v>5597</v>
      </c>
      <c r="AE16" s="1">
        <v>6826</v>
      </c>
    </row>
    <row r="17" spans="1:31" x14ac:dyDescent="0.7">
      <c r="A17" s="1" t="s">
        <v>45</v>
      </c>
      <c r="B17" s="1">
        <v>2.96</v>
      </c>
      <c r="C17" s="1">
        <v>25505</v>
      </c>
      <c r="D17" s="1">
        <v>12180</v>
      </c>
      <c r="E17" s="1">
        <v>2999</v>
      </c>
      <c r="F17" s="1">
        <v>489</v>
      </c>
      <c r="G17" s="1">
        <v>688</v>
      </c>
      <c r="H17" s="1">
        <v>3555</v>
      </c>
      <c r="I17" s="1">
        <v>611</v>
      </c>
      <c r="J17" s="1">
        <v>863</v>
      </c>
      <c r="K17" s="1">
        <v>5823</v>
      </c>
      <c r="L17" s="1">
        <v>19756</v>
      </c>
      <c r="M17" s="1">
        <v>34257</v>
      </c>
      <c r="N17" s="1">
        <v>15337</v>
      </c>
      <c r="O17" s="1">
        <v>2520</v>
      </c>
      <c r="P17" s="1">
        <v>6371</v>
      </c>
      <c r="Q17" s="1">
        <v>123352</v>
      </c>
      <c r="R17" s="1">
        <v>601</v>
      </c>
      <c r="S17" s="1">
        <v>45066</v>
      </c>
      <c r="T17" s="1">
        <v>851</v>
      </c>
      <c r="U17" s="1">
        <v>729</v>
      </c>
      <c r="V17" s="1">
        <v>2299</v>
      </c>
      <c r="W17" s="1">
        <v>105134</v>
      </c>
      <c r="X17" s="1">
        <v>8184</v>
      </c>
      <c r="Y17" s="1">
        <v>7921</v>
      </c>
      <c r="Z17" s="1">
        <v>53632</v>
      </c>
      <c r="AA17" s="1">
        <v>181304</v>
      </c>
      <c r="AB17" s="1">
        <v>19310</v>
      </c>
      <c r="AC17" s="1">
        <v>9867</v>
      </c>
      <c r="AD17" s="1">
        <v>6346</v>
      </c>
      <c r="AE17" s="1">
        <v>8035</v>
      </c>
    </row>
    <row r="18" spans="1:31" x14ac:dyDescent="0.7">
      <c r="A18" s="1" t="s">
        <v>46</v>
      </c>
      <c r="B18" s="1">
        <v>3.08</v>
      </c>
      <c r="C18" s="1">
        <v>22879</v>
      </c>
      <c r="D18" s="1">
        <v>11813</v>
      </c>
      <c r="E18" s="1">
        <v>2898</v>
      </c>
      <c r="F18" s="1">
        <v>321</v>
      </c>
      <c r="G18" s="1">
        <v>1098</v>
      </c>
      <c r="H18" s="1">
        <v>2952</v>
      </c>
      <c r="I18" s="1">
        <v>615</v>
      </c>
      <c r="J18" s="1">
        <v>665</v>
      </c>
      <c r="K18" s="1">
        <v>4840</v>
      </c>
      <c r="L18" s="1">
        <v>21691</v>
      </c>
      <c r="M18" s="1">
        <v>33948</v>
      </c>
      <c r="N18" s="1">
        <v>14396</v>
      </c>
      <c r="O18" s="1">
        <v>2861</v>
      </c>
      <c r="P18" s="1">
        <v>5424</v>
      </c>
      <c r="Q18" s="1">
        <v>112176</v>
      </c>
      <c r="R18" s="1">
        <v>348</v>
      </c>
      <c r="S18" s="1">
        <v>42161</v>
      </c>
      <c r="T18" s="1">
        <v>1005</v>
      </c>
      <c r="U18" s="1">
        <v>590</v>
      </c>
      <c r="V18" s="1">
        <v>1901</v>
      </c>
      <c r="W18" s="1">
        <v>114909</v>
      </c>
      <c r="X18" s="1">
        <v>8758</v>
      </c>
      <c r="Y18" s="1">
        <v>8570</v>
      </c>
      <c r="Z18" s="1">
        <v>43101</v>
      </c>
      <c r="AA18" s="1">
        <v>181507</v>
      </c>
      <c r="AB18" s="1">
        <v>22489</v>
      </c>
      <c r="AC18" s="1">
        <v>9231</v>
      </c>
      <c r="AD18" s="1">
        <v>5222</v>
      </c>
      <c r="AE18" s="1">
        <v>9140</v>
      </c>
    </row>
    <row r="19" spans="1:31" x14ac:dyDescent="0.7">
      <c r="A19" s="1" t="s">
        <v>47</v>
      </c>
      <c r="B19" s="1">
        <v>2.98</v>
      </c>
      <c r="C19" s="1">
        <v>27653</v>
      </c>
      <c r="D19" s="1">
        <v>9134</v>
      </c>
      <c r="E19" s="1">
        <v>2869</v>
      </c>
      <c r="F19" s="1">
        <v>200</v>
      </c>
      <c r="G19" s="1">
        <v>610</v>
      </c>
      <c r="H19" s="1">
        <v>2206</v>
      </c>
      <c r="I19" s="1">
        <v>446</v>
      </c>
      <c r="J19" s="1">
        <v>616</v>
      </c>
      <c r="K19" s="1">
        <v>4384</v>
      </c>
      <c r="L19" s="1">
        <v>23744</v>
      </c>
      <c r="M19" s="1">
        <v>27377</v>
      </c>
      <c r="N19" s="1">
        <v>14636</v>
      </c>
      <c r="O19" s="1">
        <v>1660</v>
      </c>
      <c r="P19" s="1">
        <v>4918</v>
      </c>
      <c r="Q19" s="1">
        <v>106030</v>
      </c>
      <c r="R19" s="1">
        <v>502</v>
      </c>
      <c r="S19" s="1">
        <v>37495</v>
      </c>
      <c r="T19" s="1">
        <v>657</v>
      </c>
      <c r="U19" s="1">
        <v>812</v>
      </c>
      <c r="V19" s="1">
        <v>1996</v>
      </c>
      <c r="W19" s="1">
        <v>96846</v>
      </c>
      <c r="X19" s="1">
        <v>6429</v>
      </c>
      <c r="Y19" s="1">
        <v>6598</v>
      </c>
      <c r="Z19" s="1">
        <v>40092</v>
      </c>
      <c r="AA19" s="1">
        <v>152099</v>
      </c>
      <c r="AB19" s="1">
        <v>17297</v>
      </c>
      <c r="AC19" s="1">
        <v>9342</v>
      </c>
      <c r="AD19" s="1">
        <v>4360</v>
      </c>
      <c r="AE19" s="1">
        <v>5960</v>
      </c>
    </row>
    <row r="20" spans="1:31" x14ac:dyDescent="0.7">
      <c r="A20" s="1" t="s">
        <v>48</v>
      </c>
      <c r="B20" s="1">
        <v>2.83</v>
      </c>
      <c r="C20" s="1">
        <v>23489</v>
      </c>
      <c r="D20" s="1">
        <v>9082</v>
      </c>
      <c r="E20" s="1">
        <v>1875</v>
      </c>
      <c r="F20" s="1">
        <v>381</v>
      </c>
      <c r="G20" s="1">
        <v>402</v>
      </c>
      <c r="H20" s="1">
        <v>2483</v>
      </c>
      <c r="I20" s="1">
        <v>477</v>
      </c>
      <c r="J20" s="1">
        <v>1162</v>
      </c>
      <c r="K20" s="1">
        <v>5395</v>
      </c>
      <c r="L20" s="1">
        <v>15125</v>
      </c>
      <c r="M20" s="1">
        <v>33517</v>
      </c>
      <c r="N20" s="1">
        <v>13433</v>
      </c>
      <c r="O20" s="1">
        <v>2212</v>
      </c>
      <c r="P20" s="1">
        <v>5781</v>
      </c>
      <c r="Q20" s="1">
        <v>106399</v>
      </c>
      <c r="R20" s="1">
        <v>353</v>
      </c>
      <c r="S20" s="1">
        <v>42164</v>
      </c>
      <c r="T20" s="1">
        <v>2355</v>
      </c>
      <c r="U20" s="1">
        <v>404</v>
      </c>
      <c r="V20" s="1">
        <v>2075</v>
      </c>
      <c r="W20" s="1">
        <v>94468</v>
      </c>
      <c r="X20" s="1">
        <v>6750</v>
      </c>
      <c r="Y20" s="1">
        <v>6805</v>
      </c>
      <c r="Z20" s="1">
        <v>41911</v>
      </c>
      <c r="AA20" s="1">
        <v>150232</v>
      </c>
      <c r="AB20" s="1">
        <v>13456</v>
      </c>
      <c r="AC20" s="1">
        <v>5340</v>
      </c>
      <c r="AD20" s="1">
        <v>6527</v>
      </c>
      <c r="AE20" s="1">
        <v>8862</v>
      </c>
    </row>
    <row r="21" spans="1:31" x14ac:dyDescent="0.7">
      <c r="A21" s="1" t="s">
        <v>49</v>
      </c>
      <c r="B21" s="1">
        <v>2.83</v>
      </c>
      <c r="C21" s="1">
        <v>23545</v>
      </c>
      <c r="D21" s="1">
        <v>9562</v>
      </c>
      <c r="E21" s="1">
        <v>1851</v>
      </c>
      <c r="F21" s="1">
        <v>481</v>
      </c>
      <c r="G21" s="1">
        <v>657</v>
      </c>
      <c r="H21" s="1">
        <v>2825</v>
      </c>
      <c r="I21" s="1">
        <v>483</v>
      </c>
      <c r="J21" s="1">
        <v>1101</v>
      </c>
      <c r="K21" s="1">
        <v>6046</v>
      </c>
      <c r="L21" s="1">
        <v>11931</v>
      </c>
      <c r="M21" s="1">
        <v>32506</v>
      </c>
      <c r="N21" s="1">
        <v>15803</v>
      </c>
      <c r="O21" s="1">
        <v>2292</v>
      </c>
      <c r="P21" s="1">
        <v>5646</v>
      </c>
      <c r="Q21" s="1">
        <v>113955</v>
      </c>
      <c r="R21" s="1">
        <v>480</v>
      </c>
      <c r="S21" s="1">
        <v>48059</v>
      </c>
      <c r="T21" s="1">
        <v>3056</v>
      </c>
      <c r="U21" s="1">
        <v>785</v>
      </c>
      <c r="V21" s="1">
        <v>2941</v>
      </c>
      <c r="W21" s="1">
        <v>98583</v>
      </c>
      <c r="X21" s="1">
        <v>7099</v>
      </c>
      <c r="Y21" s="1">
        <v>8435</v>
      </c>
      <c r="Z21" s="1">
        <v>46026</v>
      </c>
      <c r="AA21" s="1">
        <v>159232</v>
      </c>
      <c r="AB21" s="1">
        <v>16181</v>
      </c>
      <c r="AC21" s="1">
        <v>7284</v>
      </c>
      <c r="AD21" s="1">
        <v>4617</v>
      </c>
      <c r="AE21" s="1">
        <v>6993</v>
      </c>
    </row>
    <row r="22" spans="1:31" x14ac:dyDescent="0.7">
      <c r="A22" s="1" t="s">
        <v>50</v>
      </c>
      <c r="B22" s="1">
        <v>2.96</v>
      </c>
      <c r="C22" s="1">
        <v>23515</v>
      </c>
      <c r="D22" s="1">
        <v>11286</v>
      </c>
      <c r="E22" s="1">
        <v>2058</v>
      </c>
      <c r="F22" s="1">
        <v>512</v>
      </c>
      <c r="G22" s="1">
        <v>990</v>
      </c>
      <c r="H22" s="1">
        <v>3186</v>
      </c>
      <c r="I22" s="1">
        <v>701</v>
      </c>
      <c r="J22" s="1">
        <v>1028</v>
      </c>
      <c r="K22" s="1">
        <v>4588</v>
      </c>
      <c r="L22" s="1">
        <v>20588</v>
      </c>
      <c r="M22" s="1">
        <v>31590</v>
      </c>
      <c r="N22" s="1">
        <v>13769</v>
      </c>
      <c r="O22" s="1">
        <v>2512</v>
      </c>
      <c r="P22" s="1">
        <v>5091</v>
      </c>
      <c r="Q22" s="1">
        <v>108278</v>
      </c>
      <c r="R22" s="1">
        <v>532</v>
      </c>
      <c r="S22" s="1">
        <v>41458</v>
      </c>
      <c r="T22" s="1">
        <v>999</v>
      </c>
      <c r="U22" s="1">
        <v>675</v>
      </c>
      <c r="V22" s="1">
        <v>1966</v>
      </c>
      <c r="W22" s="1">
        <v>101147</v>
      </c>
      <c r="X22" s="1">
        <v>7865</v>
      </c>
      <c r="Y22" s="1">
        <v>7544</v>
      </c>
      <c r="Z22" s="1">
        <v>38096</v>
      </c>
      <c r="AA22" s="1">
        <v>192428</v>
      </c>
      <c r="AB22" s="1">
        <v>18914</v>
      </c>
      <c r="AC22" s="1">
        <v>9434</v>
      </c>
      <c r="AD22" s="1">
        <v>6144</v>
      </c>
      <c r="AE22" s="1">
        <v>14750</v>
      </c>
    </row>
    <row r="23" spans="1:31" x14ac:dyDescent="0.7">
      <c r="A23" s="1" t="s">
        <v>51</v>
      </c>
      <c r="B23" s="1">
        <v>2.87</v>
      </c>
      <c r="C23" s="1">
        <v>27812</v>
      </c>
      <c r="D23" s="1">
        <v>10060</v>
      </c>
      <c r="E23" s="1">
        <v>1709</v>
      </c>
      <c r="F23" s="1">
        <v>381</v>
      </c>
      <c r="G23" s="1">
        <v>486</v>
      </c>
      <c r="H23" s="1">
        <v>3243</v>
      </c>
      <c r="I23" s="1">
        <v>629</v>
      </c>
      <c r="J23" s="1">
        <v>1159</v>
      </c>
      <c r="K23" s="1">
        <v>4841</v>
      </c>
      <c r="L23" s="1">
        <v>16099</v>
      </c>
      <c r="M23" s="1">
        <v>35509</v>
      </c>
      <c r="N23" s="1">
        <v>13784</v>
      </c>
      <c r="O23" s="1">
        <v>3563</v>
      </c>
      <c r="P23" s="1">
        <v>5347</v>
      </c>
      <c r="Q23" s="1">
        <v>118162</v>
      </c>
      <c r="R23" s="1">
        <v>346</v>
      </c>
      <c r="S23" s="1">
        <v>42502</v>
      </c>
      <c r="T23" s="1">
        <v>1283</v>
      </c>
      <c r="U23" s="1">
        <v>968</v>
      </c>
      <c r="V23" s="1">
        <v>2490</v>
      </c>
      <c r="W23" s="1">
        <v>105235</v>
      </c>
      <c r="X23" s="1">
        <v>7416</v>
      </c>
      <c r="Y23" s="1">
        <v>6192</v>
      </c>
      <c r="Z23" s="1">
        <v>42180</v>
      </c>
      <c r="AA23" s="1">
        <v>188071</v>
      </c>
      <c r="AB23" s="1">
        <v>21387</v>
      </c>
      <c r="AC23" s="1">
        <v>8113</v>
      </c>
      <c r="AD23" s="1">
        <v>6611</v>
      </c>
      <c r="AE23" s="1">
        <v>8540</v>
      </c>
    </row>
    <row r="24" spans="1:31" x14ac:dyDescent="0.7">
      <c r="A24" s="1" t="s">
        <v>52</v>
      </c>
      <c r="B24" s="1">
        <v>2.98</v>
      </c>
      <c r="C24" s="1">
        <v>23172</v>
      </c>
      <c r="D24" s="1">
        <v>11848</v>
      </c>
      <c r="E24" s="1">
        <v>2011</v>
      </c>
      <c r="F24" s="1">
        <v>446</v>
      </c>
      <c r="G24" s="1">
        <v>975</v>
      </c>
      <c r="H24" s="1">
        <v>3049</v>
      </c>
      <c r="I24" s="1">
        <v>866</v>
      </c>
      <c r="J24" s="1">
        <v>844</v>
      </c>
      <c r="K24" s="1">
        <v>4223</v>
      </c>
      <c r="L24" s="1">
        <v>24926</v>
      </c>
      <c r="M24" s="1">
        <v>33253</v>
      </c>
      <c r="N24" s="1">
        <v>17230</v>
      </c>
      <c r="O24" s="1">
        <v>3124</v>
      </c>
      <c r="P24" s="1">
        <v>5169</v>
      </c>
      <c r="Q24" s="1">
        <v>114325</v>
      </c>
      <c r="R24" s="1">
        <v>350</v>
      </c>
      <c r="S24" s="1">
        <v>43714</v>
      </c>
      <c r="T24" s="1">
        <v>1016</v>
      </c>
      <c r="U24" s="1">
        <v>930</v>
      </c>
      <c r="V24" s="1">
        <v>1905</v>
      </c>
      <c r="W24" s="1">
        <v>103210</v>
      </c>
      <c r="X24" s="1">
        <v>7910</v>
      </c>
      <c r="Y24" s="1">
        <v>7585</v>
      </c>
      <c r="Z24" s="1">
        <v>40322</v>
      </c>
      <c r="AA24" s="1">
        <v>215806</v>
      </c>
      <c r="AB24" s="1">
        <v>18959</v>
      </c>
      <c r="AC24" s="1">
        <v>11173</v>
      </c>
      <c r="AD24" s="1">
        <v>6347</v>
      </c>
      <c r="AE24" s="1">
        <v>14148</v>
      </c>
    </row>
    <row r="25" spans="1:31" x14ac:dyDescent="0.7">
      <c r="A25" s="1" t="s">
        <v>53</v>
      </c>
      <c r="B25" s="1">
        <v>2.9</v>
      </c>
      <c r="C25" s="1">
        <v>19602</v>
      </c>
      <c r="D25" s="1">
        <v>10115</v>
      </c>
      <c r="E25" s="1">
        <v>1912</v>
      </c>
      <c r="F25" s="1">
        <v>566</v>
      </c>
      <c r="G25" s="1">
        <v>733</v>
      </c>
      <c r="H25" s="1">
        <v>3589</v>
      </c>
      <c r="I25" s="1">
        <v>860</v>
      </c>
      <c r="J25" s="1">
        <v>1120</v>
      </c>
      <c r="K25" s="1">
        <v>4103</v>
      </c>
      <c r="L25" s="1">
        <v>30182</v>
      </c>
      <c r="M25" s="1">
        <v>30395</v>
      </c>
      <c r="N25" s="1">
        <v>16838</v>
      </c>
      <c r="O25" s="1">
        <v>2381</v>
      </c>
      <c r="P25" s="1">
        <v>4747</v>
      </c>
      <c r="Q25" s="1">
        <v>95687</v>
      </c>
      <c r="R25" s="1">
        <v>264</v>
      </c>
      <c r="S25" s="1">
        <v>40171</v>
      </c>
      <c r="T25" s="1">
        <v>680</v>
      </c>
      <c r="U25" s="1">
        <v>789</v>
      </c>
      <c r="V25" s="1">
        <v>2024</v>
      </c>
      <c r="W25" s="1">
        <v>98927</v>
      </c>
      <c r="X25" s="1">
        <v>8051</v>
      </c>
      <c r="Y25" s="1">
        <v>7107</v>
      </c>
      <c r="Z25" s="1">
        <v>33623</v>
      </c>
      <c r="AA25" s="1">
        <v>164212</v>
      </c>
      <c r="AB25" s="1">
        <v>14273</v>
      </c>
      <c r="AC25" s="1">
        <v>8222</v>
      </c>
      <c r="AD25" s="1">
        <v>5439</v>
      </c>
      <c r="AE25" s="1">
        <v>6941</v>
      </c>
    </row>
    <row r="26" spans="1:31" x14ac:dyDescent="0.7">
      <c r="A26" s="1" t="s">
        <v>54</v>
      </c>
      <c r="B26" s="1">
        <v>2.86</v>
      </c>
      <c r="C26" s="1">
        <v>21222</v>
      </c>
      <c r="D26" s="1">
        <v>11653</v>
      </c>
      <c r="E26" s="1">
        <v>1789</v>
      </c>
      <c r="F26" s="1">
        <v>431</v>
      </c>
      <c r="G26" s="1">
        <v>1256</v>
      </c>
      <c r="H26" s="1">
        <v>2859</v>
      </c>
      <c r="I26" s="1">
        <v>704</v>
      </c>
      <c r="J26" s="1">
        <v>775</v>
      </c>
      <c r="K26" s="1">
        <v>4116</v>
      </c>
      <c r="L26" s="1">
        <v>30616</v>
      </c>
      <c r="M26" s="1">
        <v>31606</v>
      </c>
      <c r="N26" s="1">
        <v>17760</v>
      </c>
      <c r="O26" s="1">
        <v>2811</v>
      </c>
      <c r="P26" s="1">
        <v>5613</v>
      </c>
      <c r="Q26" s="1">
        <v>112873</v>
      </c>
      <c r="R26" s="1">
        <v>378</v>
      </c>
      <c r="S26" s="1">
        <v>39652</v>
      </c>
      <c r="T26" s="1">
        <v>981</v>
      </c>
      <c r="U26" s="1">
        <v>710</v>
      </c>
      <c r="V26" s="1">
        <v>2142</v>
      </c>
      <c r="W26" s="1">
        <v>107259</v>
      </c>
      <c r="X26" s="1">
        <v>7985</v>
      </c>
      <c r="Y26" s="1">
        <v>9988</v>
      </c>
      <c r="Z26" s="1">
        <v>42644</v>
      </c>
      <c r="AA26" s="1">
        <v>191630</v>
      </c>
      <c r="AB26" s="1">
        <v>14414</v>
      </c>
      <c r="AC26" s="1">
        <v>9745</v>
      </c>
      <c r="AD26" s="1">
        <v>7063</v>
      </c>
      <c r="AE26" s="1">
        <v>9901</v>
      </c>
    </row>
    <row r="27" spans="1:31" x14ac:dyDescent="0.7">
      <c r="A27" s="1" t="s">
        <v>55</v>
      </c>
      <c r="B27" s="1">
        <v>2.79</v>
      </c>
      <c r="C27" s="1">
        <v>23011</v>
      </c>
      <c r="D27" s="1">
        <v>12327</v>
      </c>
      <c r="E27" s="1">
        <v>1895</v>
      </c>
      <c r="F27" s="1">
        <v>420</v>
      </c>
      <c r="G27" s="1">
        <v>1633</v>
      </c>
      <c r="H27" s="1">
        <v>3228</v>
      </c>
      <c r="I27" s="1">
        <v>982</v>
      </c>
      <c r="J27" s="1">
        <v>917</v>
      </c>
      <c r="K27" s="1">
        <v>3680</v>
      </c>
      <c r="L27" s="1">
        <v>34543</v>
      </c>
      <c r="M27" s="1">
        <v>32011</v>
      </c>
      <c r="N27" s="1">
        <v>18876</v>
      </c>
      <c r="O27" s="1">
        <v>4050</v>
      </c>
      <c r="P27" s="1">
        <v>4409</v>
      </c>
      <c r="Q27" s="1">
        <v>125687</v>
      </c>
      <c r="R27" s="1">
        <v>463</v>
      </c>
      <c r="S27" s="1">
        <v>44446</v>
      </c>
      <c r="T27" s="1">
        <v>1248</v>
      </c>
      <c r="U27" s="1">
        <v>751</v>
      </c>
      <c r="V27" s="1">
        <v>2008</v>
      </c>
      <c r="W27" s="1">
        <v>105711</v>
      </c>
      <c r="X27" s="1">
        <v>7697</v>
      </c>
      <c r="Y27" s="1">
        <v>9434</v>
      </c>
      <c r="Z27" s="1">
        <v>47127</v>
      </c>
      <c r="AA27" s="1">
        <v>182920</v>
      </c>
      <c r="AB27" s="1">
        <v>16946</v>
      </c>
      <c r="AC27" s="1">
        <v>8095</v>
      </c>
      <c r="AD27" s="1">
        <v>5467</v>
      </c>
      <c r="AE27" s="1">
        <v>10345</v>
      </c>
    </row>
    <row r="28" spans="1:31" x14ac:dyDescent="0.7">
      <c r="A28" s="1" t="s">
        <v>56</v>
      </c>
      <c r="B28" s="1">
        <v>2.9</v>
      </c>
      <c r="C28" s="1">
        <v>23094</v>
      </c>
      <c r="D28" s="1">
        <v>12141</v>
      </c>
      <c r="E28" s="1">
        <v>1556</v>
      </c>
      <c r="F28" s="1">
        <v>311</v>
      </c>
      <c r="G28" s="1">
        <v>1651</v>
      </c>
      <c r="H28" s="1">
        <v>3898</v>
      </c>
      <c r="I28" s="1">
        <v>773</v>
      </c>
      <c r="J28" s="1">
        <v>1073</v>
      </c>
      <c r="K28" s="1">
        <v>3013</v>
      </c>
      <c r="L28" s="1">
        <v>32582</v>
      </c>
      <c r="M28" s="1">
        <v>32829</v>
      </c>
      <c r="N28" s="1">
        <v>15300</v>
      </c>
      <c r="O28" s="1">
        <v>2828</v>
      </c>
      <c r="P28" s="1">
        <v>6665</v>
      </c>
      <c r="Q28" s="1">
        <v>110546</v>
      </c>
      <c r="R28" s="1">
        <v>311</v>
      </c>
      <c r="S28" s="1">
        <v>40740</v>
      </c>
      <c r="T28" s="1">
        <v>1090</v>
      </c>
      <c r="U28" s="1">
        <v>708</v>
      </c>
      <c r="V28" s="1">
        <v>1748</v>
      </c>
      <c r="W28" s="1">
        <v>101288</v>
      </c>
      <c r="X28" s="1">
        <v>7604</v>
      </c>
      <c r="Y28" s="1">
        <v>7239</v>
      </c>
      <c r="Z28" s="1">
        <v>47535</v>
      </c>
      <c r="AA28" s="1">
        <v>163676</v>
      </c>
      <c r="AB28" s="1">
        <v>16281</v>
      </c>
      <c r="AC28" s="1">
        <v>7733</v>
      </c>
      <c r="AD28" s="1">
        <v>7059</v>
      </c>
      <c r="AE28" s="1">
        <v>8832</v>
      </c>
    </row>
    <row r="29" spans="1:31" x14ac:dyDescent="0.7">
      <c r="A29" s="1" t="s">
        <v>57</v>
      </c>
      <c r="B29" s="1">
        <v>2.72</v>
      </c>
      <c r="C29" s="1">
        <v>21908</v>
      </c>
      <c r="D29" s="1">
        <v>14204</v>
      </c>
      <c r="E29" s="1">
        <v>1500</v>
      </c>
      <c r="F29" s="1">
        <v>466</v>
      </c>
      <c r="G29" s="1">
        <v>2271</v>
      </c>
      <c r="H29" s="1">
        <v>3603</v>
      </c>
      <c r="I29" s="1">
        <v>1179</v>
      </c>
      <c r="J29" s="1">
        <v>991</v>
      </c>
      <c r="K29" s="1">
        <v>3559</v>
      </c>
      <c r="L29" s="1">
        <v>33653</v>
      </c>
      <c r="M29" s="1">
        <v>32211</v>
      </c>
      <c r="N29" s="1">
        <v>17427</v>
      </c>
      <c r="O29" s="1">
        <v>3396</v>
      </c>
      <c r="P29" s="1">
        <v>4886</v>
      </c>
      <c r="Q29" s="1">
        <v>116512</v>
      </c>
      <c r="R29" s="1">
        <v>558</v>
      </c>
      <c r="S29" s="1">
        <v>44755</v>
      </c>
      <c r="T29" s="1">
        <v>1039</v>
      </c>
      <c r="U29" s="1">
        <v>579</v>
      </c>
      <c r="V29" s="1">
        <v>1829</v>
      </c>
      <c r="W29" s="1">
        <v>98091</v>
      </c>
      <c r="X29" s="1">
        <v>7299</v>
      </c>
      <c r="Y29" s="1">
        <v>8277</v>
      </c>
      <c r="Z29" s="1">
        <v>44459</v>
      </c>
      <c r="AA29" s="1">
        <v>188666</v>
      </c>
      <c r="AB29" s="1">
        <v>12235</v>
      </c>
      <c r="AC29" s="1">
        <v>5966</v>
      </c>
      <c r="AD29" s="1">
        <v>5041</v>
      </c>
      <c r="AE29" s="1">
        <v>10159</v>
      </c>
    </row>
    <row r="30" spans="1:31" x14ac:dyDescent="0.7">
      <c r="A30" s="1" t="s">
        <v>58</v>
      </c>
      <c r="B30" s="1">
        <v>2.88</v>
      </c>
      <c r="C30" s="1">
        <v>20670</v>
      </c>
      <c r="D30" s="1">
        <v>12280</v>
      </c>
      <c r="E30" s="1">
        <v>1891</v>
      </c>
      <c r="F30" s="1">
        <v>590</v>
      </c>
      <c r="G30" s="1">
        <v>1761</v>
      </c>
      <c r="H30" s="1">
        <v>3539</v>
      </c>
      <c r="I30" s="1">
        <v>767</v>
      </c>
      <c r="J30" s="1">
        <v>926</v>
      </c>
      <c r="K30" s="1">
        <v>3792</v>
      </c>
      <c r="L30" s="1">
        <v>33909</v>
      </c>
      <c r="M30" s="1">
        <v>32480</v>
      </c>
      <c r="N30" s="1">
        <v>18523</v>
      </c>
      <c r="O30" s="1">
        <v>2831</v>
      </c>
      <c r="P30" s="1">
        <v>5119</v>
      </c>
      <c r="Q30" s="1">
        <v>115767</v>
      </c>
      <c r="R30" s="1">
        <v>352</v>
      </c>
      <c r="S30" s="1">
        <v>46138</v>
      </c>
      <c r="T30" s="1">
        <v>1714</v>
      </c>
      <c r="U30" s="1">
        <v>710</v>
      </c>
      <c r="V30" s="1">
        <v>2030</v>
      </c>
      <c r="W30" s="1">
        <v>106344</v>
      </c>
      <c r="X30" s="1">
        <v>7396</v>
      </c>
      <c r="Y30" s="1">
        <v>8426</v>
      </c>
      <c r="Z30" s="1">
        <v>42092</v>
      </c>
      <c r="AA30" s="1">
        <v>183561</v>
      </c>
      <c r="AB30" s="1">
        <v>17405</v>
      </c>
      <c r="AC30" s="1">
        <v>7313</v>
      </c>
      <c r="AD30" s="1">
        <v>6622</v>
      </c>
      <c r="AE30" s="1">
        <v>10058</v>
      </c>
    </row>
    <row r="31" spans="1:31" x14ac:dyDescent="0.7">
      <c r="A31" s="1" t="s">
        <v>59</v>
      </c>
      <c r="B31" s="1">
        <v>2.75</v>
      </c>
      <c r="C31" s="1">
        <v>23883</v>
      </c>
      <c r="D31" s="1">
        <v>12010</v>
      </c>
      <c r="E31" s="1">
        <v>1577</v>
      </c>
      <c r="F31" s="1">
        <v>469</v>
      </c>
      <c r="G31" s="1">
        <v>1342</v>
      </c>
      <c r="H31" s="1">
        <v>3798</v>
      </c>
      <c r="I31" s="1">
        <v>719</v>
      </c>
      <c r="J31" s="1">
        <v>804</v>
      </c>
      <c r="K31" s="1">
        <v>2289</v>
      </c>
      <c r="L31" s="1">
        <v>33135</v>
      </c>
      <c r="M31" s="1">
        <v>30712</v>
      </c>
      <c r="N31" s="1">
        <v>14205</v>
      </c>
      <c r="O31" s="1">
        <v>3697</v>
      </c>
      <c r="P31" s="1">
        <v>5712</v>
      </c>
      <c r="Q31" s="1">
        <v>92402</v>
      </c>
      <c r="R31" s="1">
        <v>439</v>
      </c>
      <c r="S31" s="1">
        <v>39902</v>
      </c>
      <c r="T31" s="1">
        <v>2664</v>
      </c>
      <c r="U31" s="1">
        <v>664</v>
      </c>
      <c r="V31" s="1">
        <v>1540</v>
      </c>
      <c r="W31" s="1">
        <v>86525</v>
      </c>
      <c r="X31" s="1">
        <v>6847</v>
      </c>
      <c r="Y31" s="1">
        <v>7804</v>
      </c>
      <c r="Z31" s="1">
        <v>38126</v>
      </c>
      <c r="AA31" s="1">
        <v>133894</v>
      </c>
      <c r="AB31" s="1">
        <v>13130</v>
      </c>
      <c r="AC31" s="1">
        <v>6461</v>
      </c>
      <c r="AD31" s="1">
        <v>5117</v>
      </c>
      <c r="AE31" s="1">
        <v>6544</v>
      </c>
    </row>
    <row r="32" spans="1:31" x14ac:dyDescent="0.7">
      <c r="A32" s="1" t="s">
        <v>60</v>
      </c>
      <c r="B32" s="1">
        <v>3.02</v>
      </c>
      <c r="C32" s="1">
        <v>17777</v>
      </c>
      <c r="D32" s="1">
        <v>10986</v>
      </c>
      <c r="E32" s="1">
        <v>1626</v>
      </c>
      <c r="F32" s="1">
        <v>470</v>
      </c>
      <c r="G32" s="1">
        <v>608</v>
      </c>
      <c r="H32" s="1">
        <v>3327</v>
      </c>
      <c r="I32" s="1">
        <v>947</v>
      </c>
      <c r="J32" s="1">
        <v>769</v>
      </c>
      <c r="K32" s="1">
        <v>3349</v>
      </c>
      <c r="L32" s="1">
        <v>20104</v>
      </c>
      <c r="M32" s="1">
        <v>31228</v>
      </c>
      <c r="N32" s="1">
        <v>17000</v>
      </c>
      <c r="O32" s="1">
        <v>2376</v>
      </c>
      <c r="P32" s="1">
        <v>5756</v>
      </c>
      <c r="Q32" s="1">
        <v>96833</v>
      </c>
      <c r="R32" s="1">
        <v>411</v>
      </c>
      <c r="S32" s="1">
        <v>41926</v>
      </c>
      <c r="T32" s="1">
        <v>596</v>
      </c>
      <c r="U32" s="1">
        <v>1026</v>
      </c>
      <c r="V32" s="1">
        <v>1818</v>
      </c>
      <c r="W32" s="1">
        <v>98409</v>
      </c>
      <c r="X32" s="1">
        <v>8550</v>
      </c>
      <c r="Y32" s="1">
        <v>7887</v>
      </c>
      <c r="Z32" s="1">
        <v>42625</v>
      </c>
      <c r="AA32" s="1">
        <v>144630</v>
      </c>
      <c r="AB32" s="1">
        <v>15461</v>
      </c>
      <c r="AC32" s="1">
        <v>7148</v>
      </c>
      <c r="AD32" s="1">
        <v>5584</v>
      </c>
      <c r="AE32" s="1">
        <v>6606</v>
      </c>
    </row>
    <row r="33" spans="1:31" x14ac:dyDescent="0.7">
      <c r="A33" s="1" t="s">
        <v>61</v>
      </c>
      <c r="B33" s="1">
        <v>2.96</v>
      </c>
      <c r="C33" s="1">
        <v>19607</v>
      </c>
      <c r="D33" s="1">
        <v>11697</v>
      </c>
      <c r="E33" s="1">
        <v>1591</v>
      </c>
      <c r="F33" s="1">
        <v>375</v>
      </c>
      <c r="G33" s="1">
        <v>966</v>
      </c>
      <c r="H33" s="1">
        <v>2652</v>
      </c>
      <c r="I33" s="1">
        <v>532</v>
      </c>
      <c r="J33" s="1">
        <v>545</v>
      </c>
      <c r="K33" s="1">
        <v>3586</v>
      </c>
      <c r="L33" s="1">
        <v>19614</v>
      </c>
      <c r="M33" s="1">
        <v>30942</v>
      </c>
      <c r="N33" s="1">
        <v>16814</v>
      </c>
      <c r="O33" s="1">
        <v>3174</v>
      </c>
      <c r="P33" s="1">
        <v>5320</v>
      </c>
      <c r="Q33" s="1">
        <v>103768</v>
      </c>
      <c r="R33" s="1">
        <v>596</v>
      </c>
      <c r="S33" s="1">
        <v>40440</v>
      </c>
      <c r="T33" s="1">
        <v>547</v>
      </c>
      <c r="U33" s="1">
        <v>1310</v>
      </c>
      <c r="V33" s="1">
        <v>1921</v>
      </c>
      <c r="W33" s="1">
        <v>93009</v>
      </c>
      <c r="X33" s="1">
        <v>7283</v>
      </c>
      <c r="Y33" s="1">
        <v>8425</v>
      </c>
      <c r="Z33" s="1">
        <v>46442</v>
      </c>
      <c r="AA33" s="1">
        <v>140265</v>
      </c>
      <c r="AB33" s="1">
        <v>14319</v>
      </c>
      <c r="AC33" s="1">
        <v>8739</v>
      </c>
      <c r="AD33" s="1">
        <v>5952</v>
      </c>
      <c r="AE33" s="1">
        <v>6204</v>
      </c>
    </row>
    <row r="34" spans="1:31" x14ac:dyDescent="0.7">
      <c r="A34" s="1" t="s">
        <v>62</v>
      </c>
      <c r="B34" s="1">
        <v>3</v>
      </c>
      <c r="C34" s="1">
        <v>18105</v>
      </c>
      <c r="D34" s="1">
        <v>10802</v>
      </c>
      <c r="E34" s="1">
        <v>1797</v>
      </c>
      <c r="F34" s="1">
        <v>461</v>
      </c>
      <c r="G34" s="1">
        <v>1298</v>
      </c>
      <c r="H34" s="1">
        <v>2818</v>
      </c>
      <c r="I34" s="1">
        <v>1200</v>
      </c>
      <c r="J34" s="1">
        <v>935</v>
      </c>
      <c r="K34" s="1">
        <v>3783</v>
      </c>
      <c r="L34" s="1">
        <v>21906</v>
      </c>
      <c r="M34" s="1">
        <v>33603</v>
      </c>
      <c r="N34" s="1">
        <v>16664</v>
      </c>
      <c r="O34" s="1">
        <v>1915</v>
      </c>
      <c r="P34" s="1">
        <v>5897</v>
      </c>
      <c r="Q34" s="1">
        <v>95920</v>
      </c>
      <c r="R34" s="1">
        <v>240</v>
      </c>
      <c r="S34" s="1">
        <v>40275</v>
      </c>
      <c r="T34" s="1">
        <v>3933</v>
      </c>
      <c r="U34" s="1">
        <v>578</v>
      </c>
      <c r="V34" s="1">
        <v>1606</v>
      </c>
      <c r="W34" s="1">
        <v>105712</v>
      </c>
      <c r="X34" s="1">
        <v>8678</v>
      </c>
      <c r="Y34" s="1">
        <v>8162</v>
      </c>
      <c r="Z34" s="1">
        <v>39451</v>
      </c>
      <c r="AA34" s="1">
        <v>175255</v>
      </c>
      <c r="AB34" s="1">
        <v>13004</v>
      </c>
      <c r="AC34" s="1">
        <v>11249</v>
      </c>
      <c r="AD34" s="1">
        <v>6498</v>
      </c>
      <c r="AE34" s="1">
        <v>9804</v>
      </c>
    </row>
    <row r="35" spans="1:31" x14ac:dyDescent="0.7">
      <c r="A35" s="1" t="s">
        <v>63</v>
      </c>
      <c r="B35" s="1">
        <v>2.9</v>
      </c>
      <c r="C35" s="1">
        <v>21049</v>
      </c>
      <c r="D35" s="1">
        <v>11553</v>
      </c>
      <c r="E35" s="1">
        <v>1473</v>
      </c>
      <c r="F35" s="1">
        <v>397</v>
      </c>
      <c r="G35" s="1">
        <v>1363</v>
      </c>
      <c r="H35" s="1">
        <v>3139</v>
      </c>
      <c r="I35" s="1">
        <v>2191</v>
      </c>
      <c r="J35" s="1">
        <v>820</v>
      </c>
      <c r="K35" s="1">
        <v>3453</v>
      </c>
      <c r="L35" s="1">
        <v>28096</v>
      </c>
      <c r="M35" s="1">
        <v>31839</v>
      </c>
      <c r="N35" s="1">
        <v>15779</v>
      </c>
      <c r="O35" s="1">
        <v>1946</v>
      </c>
      <c r="P35" s="1">
        <v>5697</v>
      </c>
      <c r="Q35" s="1">
        <v>98085</v>
      </c>
      <c r="R35" s="1">
        <v>373</v>
      </c>
      <c r="S35" s="1">
        <v>36636</v>
      </c>
      <c r="T35" s="1">
        <v>833</v>
      </c>
      <c r="U35" s="1">
        <v>640</v>
      </c>
      <c r="V35" s="1">
        <v>1933</v>
      </c>
      <c r="W35" s="1">
        <v>98054</v>
      </c>
      <c r="X35" s="1">
        <v>8263</v>
      </c>
      <c r="Y35" s="1">
        <v>7999</v>
      </c>
      <c r="Z35" s="1">
        <v>50091</v>
      </c>
      <c r="AA35" s="1">
        <v>165221</v>
      </c>
      <c r="AB35" s="1">
        <v>14072</v>
      </c>
      <c r="AC35" s="1">
        <v>8047</v>
      </c>
      <c r="AD35" s="1">
        <v>7497</v>
      </c>
      <c r="AE35" s="1">
        <v>7832</v>
      </c>
    </row>
    <row r="36" spans="1:31" x14ac:dyDescent="0.7">
      <c r="A36" s="1" t="s">
        <v>64</v>
      </c>
      <c r="B36" s="1">
        <v>2.75</v>
      </c>
      <c r="C36" s="1">
        <v>16322</v>
      </c>
      <c r="D36" s="1">
        <v>10398</v>
      </c>
      <c r="E36" s="1">
        <v>1342</v>
      </c>
      <c r="F36" s="1">
        <v>340</v>
      </c>
      <c r="G36" s="1">
        <v>1816</v>
      </c>
      <c r="H36" s="1">
        <v>2956</v>
      </c>
      <c r="I36" s="1">
        <v>679</v>
      </c>
      <c r="J36" s="1">
        <v>855</v>
      </c>
      <c r="K36" s="1">
        <v>3718</v>
      </c>
      <c r="L36" s="1">
        <v>28655</v>
      </c>
      <c r="M36" s="1">
        <v>29500</v>
      </c>
      <c r="N36" s="1">
        <v>15985</v>
      </c>
      <c r="O36" s="1">
        <v>1770</v>
      </c>
      <c r="P36" s="1">
        <v>5743</v>
      </c>
      <c r="Q36" s="1">
        <v>94992</v>
      </c>
      <c r="R36" s="1">
        <v>420</v>
      </c>
      <c r="S36" s="1">
        <v>37689</v>
      </c>
      <c r="T36" s="1">
        <v>583</v>
      </c>
      <c r="U36" s="1">
        <v>786</v>
      </c>
      <c r="V36" s="1">
        <v>2322</v>
      </c>
      <c r="W36" s="1">
        <v>97524</v>
      </c>
      <c r="X36" s="1">
        <v>7440</v>
      </c>
      <c r="Y36" s="1">
        <v>8046</v>
      </c>
      <c r="Z36" s="1">
        <v>47720</v>
      </c>
      <c r="AA36" s="1">
        <v>143679</v>
      </c>
      <c r="AB36" s="1">
        <v>14025</v>
      </c>
      <c r="AC36" s="1">
        <v>9195</v>
      </c>
      <c r="AD36" s="1">
        <v>5567</v>
      </c>
      <c r="AE36" s="1">
        <v>6410</v>
      </c>
    </row>
    <row r="37" spans="1:31" x14ac:dyDescent="0.7">
      <c r="A37" s="1" t="s">
        <v>65</v>
      </c>
      <c r="B37" s="1">
        <v>2.88</v>
      </c>
      <c r="C37" s="1">
        <v>20080</v>
      </c>
      <c r="D37" s="1">
        <v>10698</v>
      </c>
      <c r="E37" s="1">
        <v>1411</v>
      </c>
      <c r="F37" s="1">
        <v>329</v>
      </c>
      <c r="G37" s="1">
        <v>1376</v>
      </c>
      <c r="H37" s="1">
        <v>2699</v>
      </c>
      <c r="I37" s="1">
        <v>599</v>
      </c>
      <c r="J37" s="1">
        <v>684</v>
      </c>
      <c r="K37" s="1">
        <v>3082</v>
      </c>
      <c r="L37" s="1">
        <v>25999</v>
      </c>
      <c r="M37" s="1">
        <v>28740</v>
      </c>
      <c r="N37" s="1">
        <v>15505</v>
      </c>
      <c r="O37" s="1">
        <v>2529</v>
      </c>
      <c r="P37" s="1">
        <v>5216</v>
      </c>
      <c r="Q37" s="1">
        <v>97141</v>
      </c>
      <c r="R37" s="1">
        <v>394</v>
      </c>
      <c r="S37" s="1">
        <v>40572</v>
      </c>
      <c r="T37" s="1">
        <v>920</v>
      </c>
      <c r="U37" s="1">
        <v>710</v>
      </c>
      <c r="V37" s="1">
        <v>2174</v>
      </c>
      <c r="W37" s="1">
        <v>95136</v>
      </c>
      <c r="X37" s="1">
        <v>7637</v>
      </c>
      <c r="Y37" s="1">
        <v>8116</v>
      </c>
      <c r="Z37" s="1">
        <v>36679</v>
      </c>
      <c r="AA37" s="1">
        <v>164080</v>
      </c>
      <c r="AB37" s="1">
        <v>14859</v>
      </c>
      <c r="AC37" s="1">
        <v>8429</v>
      </c>
      <c r="AD37" s="1">
        <v>7380</v>
      </c>
      <c r="AE37" s="1">
        <v>8181</v>
      </c>
    </row>
    <row r="38" spans="1:31" x14ac:dyDescent="0.7">
      <c r="A38" s="1" t="s">
        <v>66</v>
      </c>
      <c r="B38" s="1">
        <v>2.7</v>
      </c>
      <c r="C38" s="1">
        <v>16849</v>
      </c>
      <c r="D38" s="1">
        <v>11703</v>
      </c>
      <c r="E38" s="1">
        <v>1511</v>
      </c>
      <c r="F38" s="1">
        <v>513</v>
      </c>
      <c r="G38" s="1">
        <v>1519</v>
      </c>
      <c r="H38" s="1">
        <v>3242</v>
      </c>
      <c r="I38" s="1">
        <v>1618</v>
      </c>
      <c r="J38" s="1">
        <v>801</v>
      </c>
      <c r="K38" s="1">
        <v>3005</v>
      </c>
      <c r="L38" s="1">
        <v>25036</v>
      </c>
      <c r="M38" s="1">
        <v>29124</v>
      </c>
      <c r="N38" s="1">
        <v>15830</v>
      </c>
      <c r="O38" s="1">
        <v>2409</v>
      </c>
      <c r="P38" s="1">
        <v>4737</v>
      </c>
      <c r="Q38" s="1">
        <v>92311</v>
      </c>
      <c r="R38" s="1">
        <v>351</v>
      </c>
      <c r="S38" s="1">
        <v>40540</v>
      </c>
      <c r="T38" s="1">
        <v>1462</v>
      </c>
      <c r="U38" s="1">
        <v>563</v>
      </c>
      <c r="V38" s="1">
        <v>1854</v>
      </c>
      <c r="W38" s="1">
        <v>94422</v>
      </c>
      <c r="X38" s="1">
        <v>7445</v>
      </c>
      <c r="Y38" s="1">
        <v>7274</v>
      </c>
      <c r="Z38" s="1">
        <v>41414</v>
      </c>
      <c r="AA38" s="1">
        <v>167605</v>
      </c>
      <c r="AB38" s="1">
        <v>14160</v>
      </c>
      <c r="AC38" s="1">
        <v>10515</v>
      </c>
      <c r="AD38" s="1">
        <v>5785</v>
      </c>
      <c r="AE38" s="1">
        <v>8584</v>
      </c>
    </row>
    <row r="39" spans="1:31" x14ac:dyDescent="0.7">
      <c r="A39" s="1" t="s">
        <v>67</v>
      </c>
      <c r="B39" s="1">
        <v>2.8</v>
      </c>
      <c r="C39" s="1">
        <v>17920</v>
      </c>
      <c r="D39" s="1">
        <v>9069</v>
      </c>
      <c r="E39" s="1">
        <v>1541</v>
      </c>
      <c r="F39" s="1">
        <v>494</v>
      </c>
      <c r="G39" s="1">
        <v>1894</v>
      </c>
      <c r="H39" s="1">
        <v>3279</v>
      </c>
      <c r="I39" s="1">
        <v>862</v>
      </c>
      <c r="J39" s="1">
        <v>789</v>
      </c>
      <c r="K39" s="1">
        <v>3383</v>
      </c>
      <c r="L39" s="1">
        <v>26942</v>
      </c>
      <c r="M39" s="1">
        <v>31065</v>
      </c>
      <c r="N39" s="1">
        <v>14166</v>
      </c>
      <c r="O39" s="1">
        <v>1837</v>
      </c>
      <c r="P39" s="1">
        <v>4790</v>
      </c>
      <c r="Q39" s="1">
        <v>93999</v>
      </c>
      <c r="R39" s="1">
        <v>354</v>
      </c>
      <c r="S39" s="1">
        <v>38764</v>
      </c>
      <c r="T39" s="1">
        <v>778</v>
      </c>
      <c r="U39" s="1">
        <v>646</v>
      </c>
      <c r="V39" s="1">
        <v>1885</v>
      </c>
      <c r="W39" s="1">
        <v>89266</v>
      </c>
      <c r="X39" s="1">
        <v>6546</v>
      </c>
      <c r="Y39" s="1">
        <v>7273</v>
      </c>
      <c r="Z39" s="1">
        <v>36741</v>
      </c>
      <c r="AA39" s="1">
        <v>122620</v>
      </c>
      <c r="AB39" s="1">
        <v>9913</v>
      </c>
      <c r="AC39" s="1">
        <v>6869</v>
      </c>
      <c r="AD39" s="1">
        <v>5119</v>
      </c>
      <c r="AE39" s="1">
        <v>4825</v>
      </c>
    </row>
    <row r="40" spans="1:31" x14ac:dyDescent="0.7">
      <c r="A40" s="1" t="s">
        <v>68</v>
      </c>
      <c r="B40" s="1">
        <v>2.87</v>
      </c>
      <c r="C40" s="1">
        <v>19279</v>
      </c>
      <c r="D40" s="1">
        <v>11843</v>
      </c>
      <c r="E40" s="1">
        <v>927</v>
      </c>
      <c r="F40" s="1">
        <v>247</v>
      </c>
      <c r="G40" s="1">
        <v>1553</v>
      </c>
      <c r="H40" s="1">
        <v>2986</v>
      </c>
      <c r="I40" s="1">
        <v>734</v>
      </c>
      <c r="J40" s="1">
        <v>897</v>
      </c>
      <c r="K40" s="1">
        <v>3064</v>
      </c>
      <c r="L40" s="1">
        <v>22641</v>
      </c>
      <c r="M40" s="1">
        <v>28056</v>
      </c>
      <c r="N40" s="1">
        <v>12380</v>
      </c>
      <c r="O40" s="1">
        <v>2007</v>
      </c>
      <c r="P40" s="1">
        <v>6568</v>
      </c>
      <c r="Q40" s="1">
        <v>91226</v>
      </c>
      <c r="R40" s="1">
        <v>235</v>
      </c>
      <c r="S40" s="1">
        <v>37026</v>
      </c>
      <c r="T40" s="1">
        <v>770</v>
      </c>
      <c r="U40" s="1">
        <v>652</v>
      </c>
      <c r="V40" s="1">
        <v>1747</v>
      </c>
      <c r="W40" s="1">
        <v>95403</v>
      </c>
      <c r="X40" s="1">
        <v>9020</v>
      </c>
      <c r="Y40" s="1">
        <v>6378</v>
      </c>
      <c r="Z40" s="1">
        <v>46280</v>
      </c>
      <c r="AA40" s="1">
        <v>181728</v>
      </c>
      <c r="AB40" s="1">
        <v>18244</v>
      </c>
      <c r="AC40" s="1">
        <v>17695</v>
      </c>
      <c r="AD40" s="1">
        <v>7985</v>
      </c>
      <c r="AE40" s="1">
        <v>6801</v>
      </c>
    </row>
    <row r="41" spans="1:31" x14ac:dyDescent="0.7">
      <c r="A41" s="1" t="s">
        <v>69</v>
      </c>
      <c r="B41" s="1">
        <v>2.9</v>
      </c>
      <c r="C41" s="1">
        <v>21080</v>
      </c>
      <c r="D41" s="1">
        <v>9978</v>
      </c>
      <c r="E41" s="1">
        <v>1590</v>
      </c>
      <c r="F41" s="1">
        <v>242</v>
      </c>
      <c r="G41" s="1">
        <v>1625</v>
      </c>
      <c r="H41" s="1">
        <v>2936</v>
      </c>
      <c r="I41" s="1">
        <v>591</v>
      </c>
      <c r="J41" s="1">
        <v>791</v>
      </c>
      <c r="K41" s="1">
        <v>4654</v>
      </c>
      <c r="L41" s="1">
        <v>26080</v>
      </c>
      <c r="M41" s="1">
        <v>31282</v>
      </c>
      <c r="N41" s="1">
        <v>15018</v>
      </c>
      <c r="O41" s="1">
        <v>1523</v>
      </c>
      <c r="P41" s="1">
        <v>4684</v>
      </c>
      <c r="Q41" s="1">
        <v>102860</v>
      </c>
      <c r="R41" s="1">
        <v>443</v>
      </c>
      <c r="S41" s="1">
        <v>37509</v>
      </c>
      <c r="T41" s="1">
        <v>724</v>
      </c>
      <c r="U41" s="1">
        <v>363</v>
      </c>
      <c r="V41" s="1">
        <v>2248</v>
      </c>
      <c r="W41" s="1">
        <v>96168</v>
      </c>
      <c r="X41" s="1">
        <v>7514</v>
      </c>
      <c r="Y41" s="1">
        <v>7719</v>
      </c>
      <c r="Z41" s="1">
        <v>44685</v>
      </c>
      <c r="AA41" s="1">
        <v>183479</v>
      </c>
      <c r="AB41" s="1">
        <v>12373</v>
      </c>
      <c r="AC41" s="1">
        <v>8372</v>
      </c>
      <c r="AD41" s="1">
        <v>6589</v>
      </c>
      <c r="AE41" s="1">
        <v>7864</v>
      </c>
    </row>
    <row r="42" spans="1:31" x14ac:dyDescent="0.7">
      <c r="A42" s="1" t="s">
        <v>70</v>
      </c>
      <c r="B42" s="1">
        <v>2.85</v>
      </c>
      <c r="C42" s="1">
        <v>21754</v>
      </c>
      <c r="D42" s="1">
        <v>8989</v>
      </c>
      <c r="E42" s="1">
        <v>1483</v>
      </c>
      <c r="F42" s="1">
        <v>303</v>
      </c>
      <c r="G42" s="1">
        <v>1901</v>
      </c>
      <c r="H42" s="1">
        <v>2698</v>
      </c>
      <c r="I42" s="1">
        <v>647</v>
      </c>
      <c r="J42" s="1">
        <v>629</v>
      </c>
      <c r="K42" s="1">
        <v>4182</v>
      </c>
      <c r="L42" s="1">
        <v>25868</v>
      </c>
      <c r="M42" s="1">
        <v>30738</v>
      </c>
      <c r="N42" s="1">
        <v>13271</v>
      </c>
      <c r="O42" s="1">
        <v>1774</v>
      </c>
      <c r="P42" s="1">
        <v>5635</v>
      </c>
      <c r="Q42" s="1">
        <v>98363</v>
      </c>
      <c r="R42" s="1">
        <v>433</v>
      </c>
      <c r="S42" s="1">
        <v>32217</v>
      </c>
      <c r="T42" s="1">
        <v>605</v>
      </c>
      <c r="U42" s="1">
        <v>665</v>
      </c>
      <c r="V42" s="1">
        <v>2221</v>
      </c>
      <c r="W42" s="1">
        <v>96277</v>
      </c>
      <c r="X42" s="1">
        <v>7151</v>
      </c>
      <c r="Y42" s="1">
        <v>6655</v>
      </c>
      <c r="Z42" s="1">
        <v>42311</v>
      </c>
      <c r="AA42" s="1">
        <v>153624</v>
      </c>
      <c r="AB42" s="1">
        <v>14470</v>
      </c>
      <c r="AC42" s="1">
        <v>9624</v>
      </c>
      <c r="AD42" s="1">
        <v>6000</v>
      </c>
      <c r="AE42" s="1">
        <v>6639</v>
      </c>
    </row>
    <row r="43" spans="1:31" x14ac:dyDescent="0.7">
      <c r="A43" s="1" t="s">
        <v>71</v>
      </c>
      <c r="B43" s="1">
        <v>2.81</v>
      </c>
      <c r="C43" s="1">
        <v>25550</v>
      </c>
      <c r="D43" s="1">
        <v>9796</v>
      </c>
      <c r="E43" s="1">
        <v>1560</v>
      </c>
      <c r="F43" s="1">
        <v>188</v>
      </c>
      <c r="G43" s="1">
        <v>1937</v>
      </c>
      <c r="H43" s="1">
        <v>3485</v>
      </c>
      <c r="I43" s="1">
        <v>620</v>
      </c>
      <c r="J43" s="1">
        <v>878</v>
      </c>
      <c r="K43" s="1">
        <v>3958</v>
      </c>
      <c r="L43" s="1">
        <v>24066</v>
      </c>
      <c r="M43" s="1">
        <v>32215</v>
      </c>
      <c r="N43" s="1">
        <v>13789</v>
      </c>
      <c r="O43" s="1">
        <v>2153</v>
      </c>
      <c r="P43" s="1">
        <v>5577</v>
      </c>
      <c r="Q43" s="1">
        <v>106214</v>
      </c>
      <c r="R43" s="1">
        <v>411</v>
      </c>
      <c r="S43" s="1">
        <v>39866</v>
      </c>
      <c r="T43" s="1">
        <v>858</v>
      </c>
      <c r="U43" s="1">
        <v>818</v>
      </c>
      <c r="V43" s="1">
        <v>2615</v>
      </c>
      <c r="W43" s="1">
        <v>95406</v>
      </c>
      <c r="X43" s="1">
        <v>6345</v>
      </c>
      <c r="Y43" s="1">
        <v>7394</v>
      </c>
      <c r="Z43" s="1">
        <v>34932</v>
      </c>
      <c r="AA43" s="1">
        <v>126714</v>
      </c>
      <c r="AB43" s="1">
        <v>10389</v>
      </c>
      <c r="AC43" s="1">
        <v>5310</v>
      </c>
      <c r="AD43" s="1">
        <v>4124</v>
      </c>
      <c r="AE43" s="1">
        <v>6327</v>
      </c>
    </row>
    <row r="44" spans="1:31" x14ac:dyDescent="0.7">
      <c r="A44" s="1" t="s">
        <v>72</v>
      </c>
      <c r="B44" s="1">
        <v>2.96</v>
      </c>
      <c r="C44" s="1">
        <v>22938</v>
      </c>
      <c r="D44" s="1">
        <v>8620</v>
      </c>
      <c r="E44" s="1">
        <v>1369</v>
      </c>
      <c r="F44" s="1">
        <v>298</v>
      </c>
      <c r="G44" s="1">
        <v>2177</v>
      </c>
      <c r="H44" s="1">
        <v>3554</v>
      </c>
      <c r="I44" s="1">
        <v>491</v>
      </c>
      <c r="J44" s="1">
        <v>705</v>
      </c>
      <c r="K44" s="1">
        <v>5436</v>
      </c>
      <c r="L44" s="1">
        <v>25465</v>
      </c>
      <c r="M44" s="1">
        <v>31493</v>
      </c>
      <c r="N44" s="1">
        <v>14554</v>
      </c>
      <c r="O44" s="1">
        <v>1631</v>
      </c>
      <c r="P44" s="1">
        <v>5056</v>
      </c>
      <c r="Q44" s="1">
        <v>99123</v>
      </c>
      <c r="R44" s="1">
        <v>432</v>
      </c>
      <c r="S44" s="1">
        <v>35630</v>
      </c>
      <c r="T44" s="1">
        <v>506</v>
      </c>
      <c r="U44" s="1">
        <v>1540</v>
      </c>
      <c r="V44" s="1">
        <v>2616</v>
      </c>
      <c r="W44" s="1">
        <v>97739</v>
      </c>
      <c r="X44" s="1">
        <v>8660</v>
      </c>
      <c r="Y44" s="1">
        <v>6292</v>
      </c>
      <c r="Z44" s="1">
        <v>51116</v>
      </c>
      <c r="AA44" s="1">
        <v>185532</v>
      </c>
      <c r="AB44" s="1">
        <v>13856</v>
      </c>
      <c r="AC44" s="1">
        <v>8871</v>
      </c>
      <c r="AD44" s="1">
        <v>8015</v>
      </c>
      <c r="AE44" s="1">
        <v>6445</v>
      </c>
    </row>
    <row r="45" spans="1:31" x14ac:dyDescent="0.7">
      <c r="A45" s="1" t="s">
        <v>73</v>
      </c>
      <c r="B45" s="1">
        <v>2.81</v>
      </c>
      <c r="C45" s="1">
        <v>18780</v>
      </c>
      <c r="D45" s="1">
        <v>8893</v>
      </c>
      <c r="E45" s="1">
        <v>1176</v>
      </c>
      <c r="F45" s="1">
        <v>421</v>
      </c>
      <c r="G45" s="1">
        <v>1640</v>
      </c>
      <c r="H45" s="1">
        <v>3079</v>
      </c>
      <c r="I45" s="1">
        <v>648</v>
      </c>
      <c r="J45" s="1">
        <v>723</v>
      </c>
      <c r="K45" s="1">
        <v>4441</v>
      </c>
      <c r="L45" s="1">
        <v>28403</v>
      </c>
      <c r="M45" s="1">
        <v>32191</v>
      </c>
      <c r="N45" s="1">
        <v>12528</v>
      </c>
      <c r="O45" s="1">
        <v>1869</v>
      </c>
      <c r="P45" s="1">
        <v>5370</v>
      </c>
      <c r="Q45" s="1">
        <v>94636</v>
      </c>
      <c r="R45" s="1">
        <v>471</v>
      </c>
      <c r="S45" s="1">
        <v>33692</v>
      </c>
      <c r="T45" s="1">
        <v>697</v>
      </c>
      <c r="U45" s="1">
        <v>719</v>
      </c>
      <c r="V45" s="1">
        <v>2217</v>
      </c>
      <c r="W45" s="1">
        <v>94970</v>
      </c>
      <c r="X45" s="1">
        <v>7627</v>
      </c>
      <c r="Y45" s="1">
        <v>7106</v>
      </c>
      <c r="Z45" s="1">
        <v>44349</v>
      </c>
      <c r="AA45" s="1">
        <v>158810</v>
      </c>
      <c r="AB45" s="1">
        <v>14959</v>
      </c>
      <c r="AC45" s="1">
        <v>13677</v>
      </c>
      <c r="AD45" s="1">
        <v>7698</v>
      </c>
      <c r="AE45" s="1">
        <v>6914</v>
      </c>
    </row>
    <row r="46" spans="1:31" x14ac:dyDescent="0.7">
      <c r="A46" s="1" t="s">
        <v>74</v>
      </c>
      <c r="B46" s="1">
        <v>2.81</v>
      </c>
      <c r="C46" s="1">
        <v>24318</v>
      </c>
      <c r="D46" s="1">
        <v>8506</v>
      </c>
      <c r="E46" s="1">
        <v>1204</v>
      </c>
      <c r="F46" s="1">
        <v>253</v>
      </c>
      <c r="G46" s="1">
        <v>900</v>
      </c>
      <c r="H46" s="1">
        <v>2429</v>
      </c>
      <c r="I46" s="1">
        <v>419</v>
      </c>
      <c r="J46" s="1">
        <v>543</v>
      </c>
      <c r="K46" s="1">
        <v>4124</v>
      </c>
      <c r="L46" s="1">
        <v>23588</v>
      </c>
      <c r="M46" s="1">
        <v>30992</v>
      </c>
      <c r="N46" s="1">
        <v>14581</v>
      </c>
      <c r="O46" s="1">
        <v>2832</v>
      </c>
      <c r="P46" s="1">
        <v>4976</v>
      </c>
      <c r="Q46" s="1">
        <v>97021</v>
      </c>
      <c r="R46" s="1">
        <v>466</v>
      </c>
      <c r="S46" s="1">
        <v>38513</v>
      </c>
      <c r="T46" s="1">
        <v>458</v>
      </c>
      <c r="U46" s="1">
        <v>1291</v>
      </c>
      <c r="V46" s="1">
        <v>2592</v>
      </c>
      <c r="W46" s="1">
        <v>88721</v>
      </c>
      <c r="X46" s="1">
        <v>6154</v>
      </c>
      <c r="Y46" s="1">
        <v>5773</v>
      </c>
      <c r="Z46" s="1">
        <v>47092</v>
      </c>
      <c r="AA46" s="1">
        <v>138115</v>
      </c>
      <c r="AB46" s="1">
        <v>13043</v>
      </c>
      <c r="AC46" s="1">
        <v>7611</v>
      </c>
      <c r="AD46" s="1">
        <v>5398</v>
      </c>
      <c r="AE46" s="1">
        <v>5715</v>
      </c>
    </row>
    <row r="47" spans="1:31" x14ac:dyDescent="0.7">
      <c r="A47" s="1" t="s">
        <v>75</v>
      </c>
      <c r="B47" s="1">
        <v>2.83</v>
      </c>
      <c r="C47" s="1">
        <v>24090</v>
      </c>
      <c r="D47" s="1">
        <v>8913</v>
      </c>
      <c r="E47" s="1">
        <v>1503</v>
      </c>
      <c r="F47" s="1">
        <v>147</v>
      </c>
      <c r="G47" s="1">
        <v>1568</v>
      </c>
      <c r="H47" s="1">
        <v>3058</v>
      </c>
      <c r="I47" s="1">
        <v>296</v>
      </c>
      <c r="J47" s="1">
        <v>729</v>
      </c>
      <c r="K47" s="1">
        <v>4695</v>
      </c>
      <c r="L47" s="1">
        <v>21523</v>
      </c>
      <c r="M47" s="1">
        <v>32875</v>
      </c>
      <c r="N47" s="1">
        <v>13465</v>
      </c>
      <c r="O47" s="1">
        <v>3013</v>
      </c>
      <c r="P47" s="1">
        <v>5097</v>
      </c>
      <c r="Q47" s="1">
        <v>97247</v>
      </c>
      <c r="R47" s="1">
        <v>416</v>
      </c>
      <c r="S47" s="1">
        <v>34467</v>
      </c>
      <c r="T47" s="1">
        <v>578</v>
      </c>
      <c r="U47" s="1">
        <v>683</v>
      </c>
      <c r="V47" s="1">
        <v>2506</v>
      </c>
      <c r="W47" s="1">
        <v>97864</v>
      </c>
      <c r="X47" s="1">
        <v>7464</v>
      </c>
      <c r="Y47" s="1">
        <v>6150</v>
      </c>
      <c r="Z47" s="1">
        <v>40550</v>
      </c>
      <c r="AA47" s="1">
        <v>152163</v>
      </c>
      <c r="AB47" s="1">
        <v>12272</v>
      </c>
      <c r="AC47" s="1">
        <v>9028</v>
      </c>
      <c r="AD47" s="1">
        <v>7666</v>
      </c>
      <c r="AE47" s="1">
        <v>6089</v>
      </c>
    </row>
    <row r="48" spans="1:31" x14ac:dyDescent="0.7">
      <c r="A48" s="1" t="s">
        <v>76</v>
      </c>
      <c r="B48" s="1">
        <v>2.96</v>
      </c>
      <c r="C48" s="1">
        <v>26484</v>
      </c>
      <c r="D48" s="1">
        <v>9204</v>
      </c>
      <c r="E48" s="1">
        <v>1182</v>
      </c>
      <c r="F48" s="1">
        <v>347</v>
      </c>
      <c r="G48" s="1">
        <v>658</v>
      </c>
      <c r="H48" s="1">
        <v>1742</v>
      </c>
      <c r="I48" s="1">
        <v>235</v>
      </c>
      <c r="J48" s="1">
        <v>532</v>
      </c>
      <c r="K48" s="1">
        <v>3791</v>
      </c>
      <c r="L48" s="1">
        <v>13594</v>
      </c>
      <c r="M48" s="1">
        <v>29357</v>
      </c>
      <c r="N48" s="1">
        <v>12869</v>
      </c>
      <c r="O48" s="1">
        <v>1628</v>
      </c>
      <c r="P48" s="1">
        <v>4575</v>
      </c>
      <c r="Q48" s="1">
        <v>100109</v>
      </c>
      <c r="R48" s="1">
        <v>364</v>
      </c>
      <c r="S48" s="1">
        <v>36134</v>
      </c>
      <c r="T48" s="1">
        <v>302</v>
      </c>
      <c r="U48" s="1">
        <v>476</v>
      </c>
      <c r="V48" s="1">
        <v>1859</v>
      </c>
      <c r="W48" s="1">
        <v>86380</v>
      </c>
      <c r="X48" s="1">
        <v>7571</v>
      </c>
      <c r="Y48" s="1">
        <v>7105</v>
      </c>
      <c r="Z48" s="1">
        <v>42165</v>
      </c>
      <c r="AA48" s="1">
        <v>136883</v>
      </c>
      <c r="AB48" s="1">
        <v>8642</v>
      </c>
      <c r="AC48" s="1">
        <v>4876</v>
      </c>
      <c r="AD48" s="1">
        <v>7664</v>
      </c>
      <c r="AE48" s="1">
        <v>6181</v>
      </c>
    </row>
  </sheetData>
  <phoneticPr fontId="1"/>
  <hyperlinks>
    <hyperlink ref="AG6" r:id="rId1" location="SSDSE-C" xr:uid="{D6E96C18-FCAF-4E69-86BD-3994D51164DB}"/>
  </hyperlink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9B3D7B-9370-45F4-8117-7473E9C755EE}">
  <sheetPr>
    <tabColor theme="6" tint="0.39997558519241921"/>
  </sheetPr>
  <dimension ref="A1:S48"/>
  <sheetViews>
    <sheetView topLeftCell="O40" workbookViewId="0">
      <selection activeCell="I51" sqref="I51"/>
    </sheetView>
  </sheetViews>
  <sheetFormatPr defaultRowHeight="17.649999999999999" x14ac:dyDescent="0.7"/>
  <cols>
    <col min="1" max="2" width="8.75" style="1"/>
    <col min="3" max="5" width="9" style="1"/>
    <col min="6" max="6" width="9" style="1" customWidth="1"/>
    <col min="7" max="7" width="14.375" style="1" customWidth="1"/>
    <col min="8" max="8" width="9" style="1"/>
    <col min="9" max="11" width="8.75" style="1"/>
    <col min="12" max="12" width="9" style="1"/>
    <col min="13" max="15" width="8.75" style="1"/>
    <col min="16" max="16" width="11.125" style="1" customWidth="1"/>
  </cols>
  <sheetData>
    <row r="1" spans="1:19" x14ac:dyDescent="0.7">
      <c r="B1" s="1" t="s">
        <v>1</v>
      </c>
      <c r="C1" s="28" t="s">
        <v>110</v>
      </c>
      <c r="D1" s="28" t="s">
        <v>111</v>
      </c>
      <c r="E1" s="28" t="s">
        <v>112</v>
      </c>
      <c r="F1" s="28" t="s">
        <v>2</v>
      </c>
      <c r="G1" s="1" t="s">
        <v>3</v>
      </c>
      <c r="H1" s="28" t="s">
        <v>113</v>
      </c>
      <c r="I1" s="28" t="s">
        <v>4</v>
      </c>
      <c r="J1" s="28" t="s">
        <v>5</v>
      </c>
      <c r="K1" s="28" t="s">
        <v>6</v>
      </c>
      <c r="L1" s="28" t="s">
        <v>114</v>
      </c>
      <c r="M1" s="28" t="s">
        <v>7</v>
      </c>
      <c r="N1" s="28" t="s">
        <v>8</v>
      </c>
      <c r="O1" s="28" t="s">
        <v>9</v>
      </c>
      <c r="P1" s="1" t="s">
        <v>126</v>
      </c>
    </row>
    <row r="2" spans="1:19" x14ac:dyDescent="0.7">
      <c r="A2" s="1" t="s">
        <v>30</v>
      </c>
      <c r="B2" s="1">
        <v>5092000</v>
      </c>
      <c r="C2" s="28">
        <v>1009.4265514532601</v>
      </c>
      <c r="D2" s="28">
        <v>5689.3165750196385</v>
      </c>
      <c r="E2" s="28">
        <v>3301.2568735271016</v>
      </c>
      <c r="F2" s="28">
        <v>51.859780047132759</v>
      </c>
      <c r="G2" s="1">
        <v>1.1200000000000001</v>
      </c>
      <c r="H2" s="28">
        <v>146.18421052631578</v>
      </c>
      <c r="I2" s="28">
        <v>9883.619402985074</v>
      </c>
      <c r="J2" s="28">
        <v>1963.5212097407698</v>
      </c>
      <c r="K2" s="28">
        <v>36.655538098978788</v>
      </c>
      <c r="L2" s="28">
        <v>16.492537313432834</v>
      </c>
      <c r="M2" s="28">
        <v>4455.9996072270233</v>
      </c>
      <c r="N2" s="28">
        <v>1728.5526315789473</v>
      </c>
      <c r="O2" s="28">
        <v>38738.460329929301</v>
      </c>
      <c r="P2" s="1">
        <v>2682</v>
      </c>
      <c r="Q2" s="1"/>
      <c r="R2" s="25" t="s">
        <v>115</v>
      </c>
    </row>
    <row r="3" spans="1:19" x14ac:dyDescent="0.7">
      <c r="A3" s="1" t="s">
        <v>31</v>
      </c>
      <c r="B3" s="1">
        <v>1184000</v>
      </c>
      <c r="C3" s="28">
        <v>996.62162162162156</v>
      </c>
      <c r="D3" s="28">
        <v>5481.4189189189192</v>
      </c>
      <c r="E3" s="28">
        <v>3521.9594594594596</v>
      </c>
      <c r="F3" s="28">
        <v>50.548986486486491</v>
      </c>
      <c r="G3" s="1">
        <v>1.24</v>
      </c>
      <c r="H3" s="28">
        <v>169.90709459459461</v>
      </c>
      <c r="I3" s="28">
        <v>10063.631756756757</v>
      </c>
      <c r="J3" s="28">
        <v>1426.6638513513512</v>
      </c>
      <c r="K3" s="28">
        <v>30.878378378378375</v>
      </c>
      <c r="L3" s="28">
        <v>14.054054054054054</v>
      </c>
      <c r="M3" s="28">
        <v>2747.1959459459463</v>
      </c>
      <c r="N3" s="28">
        <v>964.41722972972968</v>
      </c>
      <c r="O3" s="28">
        <v>37640.261824324327</v>
      </c>
      <c r="P3" s="1">
        <v>2633</v>
      </c>
      <c r="R3" s="25" t="s">
        <v>116</v>
      </c>
    </row>
    <row r="4" spans="1:19" x14ac:dyDescent="0.7">
      <c r="A4" s="1" t="s">
        <v>32</v>
      </c>
      <c r="B4" s="1">
        <v>1163000</v>
      </c>
      <c r="C4" s="28">
        <v>1031.8142734307826</v>
      </c>
      <c r="D4" s="28">
        <v>5468.6156491831471</v>
      </c>
      <c r="E4" s="28">
        <v>3499.5700773860704</v>
      </c>
      <c r="F4" s="28">
        <v>49.76784178847808</v>
      </c>
      <c r="G4" s="1">
        <v>1.21</v>
      </c>
      <c r="H4" s="28">
        <v>166.31126397248494</v>
      </c>
      <c r="I4" s="28">
        <v>10095.494411006019</v>
      </c>
      <c r="J4" s="28">
        <v>1404.0412725709373</v>
      </c>
      <c r="K4" s="28">
        <v>30.163370593293205</v>
      </c>
      <c r="L4" s="28">
        <v>12.828890799656062</v>
      </c>
      <c r="M4" s="28">
        <v>3225.6233877901982</v>
      </c>
      <c r="N4" s="28">
        <v>621.16938950988822</v>
      </c>
      <c r="O4" s="28">
        <v>40820.515907136716</v>
      </c>
      <c r="P4" s="1">
        <v>2666</v>
      </c>
      <c r="R4" s="25" t="s">
        <v>117</v>
      </c>
    </row>
    <row r="5" spans="1:19" x14ac:dyDescent="0.7">
      <c r="A5" s="1" t="s">
        <v>33</v>
      </c>
      <c r="B5" s="1">
        <v>2264000</v>
      </c>
      <c r="C5" s="28">
        <v>1104.2402826855123</v>
      </c>
      <c r="D5" s="28">
        <v>5971.7314487632511</v>
      </c>
      <c r="E5" s="28">
        <v>2924.028268551237</v>
      </c>
      <c r="F5" s="28">
        <v>56.766784452296825</v>
      </c>
      <c r="G5" s="1">
        <v>1.0900000000000001</v>
      </c>
      <c r="H5" s="28">
        <v>123.85159010600708</v>
      </c>
      <c r="I5" s="28">
        <v>9944.302120141343</v>
      </c>
      <c r="J5" s="28">
        <v>1600.0662544169611</v>
      </c>
      <c r="K5" s="28">
        <v>37.239399293286219</v>
      </c>
      <c r="L5" s="28">
        <v>13.454063604240282</v>
      </c>
      <c r="M5" s="28">
        <v>1407.2173144876324</v>
      </c>
      <c r="N5" s="28">
        <v>756.1881625441697</v>
      </c>
      <c r="O5" s="28">
        <v>41895.870141342755</v>
      </c>
      <c r="P5" s="1">
        <v>2803</v>
      </c>
      <c r="R5" s="29"/>
      <c r="S5" s="25" t="s">
        <v>127</v>
      </c>
    </row>
    <row r="6" spans="1:19" x14ac:dyDescent="0.7">
      <c r="A6" s="1" t="s">
        <v>34</v>
      </c>
      <c r="B6" s="1">
        <v>914000</v>
      </c>
      <c r="C6" s="28">
        <v>908.09628008752736</v>
      </c>
      <c r="D6" s="28">
        <v>5185.995623632386</v>
      </c>
      <c r="E6" s="28">
        <v>3905.9080962800872</v>
      </c>
      <c r="F6" s="28">
        <v>43.676148796498907</v>
      </c>
      <c r="G6" s="1">
        <v>1.18</v>
      </c>
      <c r="H6" s="28">
        <v>188.79649890590812</v>
      </c>
      <c r="I6" s="28">
        <v>10107.352297592997</v>
      </c>
      <c r="J6" s="28">
        <v>1281.9365426695842</v>
      </c>
      <c r="K6" s="28">
        <v>26.772428884026262</v>
      </c>
      <c r="L6" s="28">
        <v>11.684901531728665</v>
      </c>
      <c r="M6" s="28">
        <v>3537.5164113785559</v>
      </c>
      <c r="N6" s="28">
        <v>1354.4967177242888</v>
      </c>
      <c r="O6" s="28">
        <v>38626.389496717726</v>
      </c>
      <c r="P6" s="1">
        <v>2583</v>
      </c>
      <c r="R6" s="27" t="s">
        <v>125</v>
      </c>
    </row>
    <row r="7" spans="1:19" x14ac:dyDescent="0.7">
      <c r="A7" s="1" t="s">
        <v>35</v>
      </c>
      <c r="B7" s="1">
        <v>1026000</v>
      </c>
      <c r="C7" s="28">
        <v>1062.3781676413255</v>
      </c>
      <c r="D7" s="28">
        <v>5419.1033138401554</v>
      </c>
      <c r="E7" s="28">
        <v>3518.5185185185187</v>
      </c>
      <c r="F7" s="28">
        <v>55.302144249512672</v>
      </c>
      <c r="G7" s="1">
        <v>1.32</v>
      </c>
      <c r="H7" s="28">
        <v>164.55165692007796</v>
      </c>
      <c r="I7" s="28">
        <v>10090.867446393762</v>
      </c>
      <c r="J7" s="28">
        <v>1099.327485380117</v>
      </c>
      <c r="K7" s="28">
        <v>31.033138401559455</v>
      </c>
      <c r="L7" s="28">
        <v>11.666666666666668</v>
      </c>
      <c r="M7" s="28">
        <v>2800.4775828460038</v>
      </c>
      <c r="N7" s="28">
        <v>1515.6920077972711</v>
      </c>
      <c r="O7" s="28">
        <v>41755.925925925927</v>
      </c>
      <c r="P7" s="1">
        <v>2843</v>
      </c>
    </row>
    <row r="8" spans="1:19" x14ac:dyDescent="0.7">
      <c r="A8" s="1" t="s">
        <v>36</v>
      </c>
      <c r="B8" s="1">
        <v>1767000</v>
      </c>
      <c r="C8" s="28">
        <v>1075.2688172043011</v>
      </c>
      <c r="D8" s="28">
        <v>5602.7164685908319</v>
      </c>
      <c r="E8" s="28">
        <v>3316.3554046406339</v>
      </c>
      <c r="F8" s="28">
        <v>54.946236559139784</v>
      </c>
      <c r="G8" s="1">
        <v>1.27</v>
      </c>
      <c r="H8" s="28">
        <v>155.03112620260328</v>
      </c>
      <c r="I8" s="28">
        <v>10124.227504244483</v>
      </c>
      <c r="J8" s="28">
        <v>1388.4267119411431</v>
      </c>
      <c r="K8" s="28">
        <v>34.4538766270515</v>
      </c>
      <c r="L8" s="28">
        <v>14.493491794001132</v>
      </c>
      <c r="M8" s="28">
        <v>2394.4425580079233</v>
      </c>
      <c r="N8" s="28">
        <v>1018.6870401810979</v>
      </c>
      <c r="O8" s="28">
        <v>44304.340690435769</v>
      </c>
      <c r="P8" s="1">
        <v>2833</v>
      </c>
    </row>
    <row r="9" spans="1:19" x14ac:dyDescent="0.7">
      <c r="A9" s="1" t="s">
        <v>37</v>
      </c>
      <c r="B9" s="1">
        <v>2825000</v>
      </c>
      <c r="C9" s="28">
        <v>1104.424778761062</v>
      </c>
      <c r="D9" s="28">
        <v>5830.0884955752208</v>
      </c>
      <c r="E9" s="28">
        <v>3061.9469026548672</v>
      </c>
      <c r="F9" s="28">
        <v>56.300884955752217</v>
      </c>
      <c r="G9" s="1">
        <v>1.27</v>
      </c>
      <c r="H9" s="28">
        <v>131.87964601769912</v>
      </c>
      <c r="I9" s="28">
        <v>9921.9823008849562</v>
      </c>
      <c r="J9" s="28">
        <v>1365.5221238938054</v>
      </c>
      <c r="K9" s="28">
        <v>35.975221238938055</v>
      </c>
      <c r="L9" s="28">
        <v>13.805309734513274</v>
      </c>
      <c r="M9" s="28">
        <v>1376.608849557522</v>
      </c>
      <c r="N9" s="28">
        <v>321.75575221238932</v>
      </c>
      <c r="O9" s="28">
        <v>48747.89734513274</v>
      </c>
      <c r="P9" s="1">
        <v>3098</v>
      </c>
    </row>
    <row r="10" spans="1:19" x14ac:dyDescent="0.7">
      <c r="A10" s="1" t="s">
        <v>38</v>
      </c>
      <c r="B10" s="1">
        <v>1897000</v>
      </c>
      <c r="C10" s="28">
        <v>1107.0110701107012</v>
      </c>
      <c r="D10" s="28">
        <v>5872.4301528729575</v>
      </c>
      <c r="E10" s="28">
        <v>3020.5587770163415</v>
      </c>
      <c r="F10" s="28">
        <v>55.445440168687398</v>
      </c>
      <c r="G10" s="1">
        <v>1.24</v>
      </c>
      <c r="H10" s="28">
        <v>131.7448603057459</v>
      </c>
      <c r="I10" s="28">
        <v>9971.9820769636262</v>
      </c>
      <c r="J10" s="28">
        <v>1379.847127042699</v>
      </c>
      <c r="K10" s="28">
        <v>37.712177121771219</v>
      </c>
      <c r="L10" s="28">
        <v>14.011597258829733</v>
      </c>
      <c r="M10" s="28">
        <v>1584.1117554032683</v>
      </c>
      <c r="N10" s="28">
        <v>703.44227727991563</v>
      </c>
      <c r="O10" s="28">
        <v>47161.212440695832</v>
      </c>
      <c r="P10" s="1">
        <v>3132</v>
      </c>
    </row>
    <row r="11" spans="1:19" x14ac:dyDescent="0.7">
      <c r="A11" s="1" t="s">
        <v>39</v>
      </c>
      <c r="B11" s="1">
        <v>1902000</v>
      </c>
      <c r="C11" s="28">
        <v>1104.1009463722396</v>
      </c>
      <c r="D11" s="28">
        <v>5799.1587802313352</v>
      </c>
      <c r="E11" s="28">
        <v>3096.740273396425</v>
      </c>
      <c r="F11" s="28">
        <v>56.193480546792848</v>
      </c>
      <c r="G11" s="1">
        <v>1.32</v>
      </c>
      <c r="H11" s="28">
        <v>139.794952681388</v>
      </c>
      <c r="I11" s="28">
        <v>9910.141955835963</v>
      </c>
      <c r="J11" s="28">
        <v>1367.5078864353313</v>
      </c>
      <c r="K11" s="28">
        <v>35.247108307045217</v>
      </c>
      <c r="L11" s="28">
        <v>14.537329127234489</v>
      </c>
      <c r="M11" s="28">
        <v>1192.9652996845425</v>
      </c>
      <c r="N11" s="28">
        <v>467.23449001051529</v>
      </c>
      <c r="O11" s="28">
        <v>45496.819137749735</v>
      </c>
      <c r="P11" s="1">
        <v>2937</v>
      </c>
    </row>
    <row r="12" spans="1:19" x14ac:dyDescent="0.7">
      <c r="A12" s="1" t="s">
        <v>40</v>
      </c>
      <c r="B12" s="1">
        <v>7331000</v>
      </c>
      <c r="C12" s="28">
        <v>1133.5424907925249</v>
      </c>
      <c r="D12" s="28">
        <v>6123.3119628972854</v>
      </c>
      <c r="E12" s="28">
        <v>2744.5096166962212</v>
      </c>
      <c r="F12" s="28">
        <v>59.270222343472923</v>
      </c>
      <c r="G12" s="1">
        <v>1.17</v>
      </c>
      <c r="H12" s="28">
        <v>112.15523120993043</v>
      </c>
      <c r="I12" s="28">
        <v>9828.0671122629919</v>
      </c>
      <c r="J12" s="28">
        <v>1462.4730596098759</v>
      </c>
      <c r="K12" s="28">
        <v>39.316600736598005</v>
      </c>
      <c r="L12" s="28">
        <v>13.99399809030146</v>
      </c>
      <c r="M12" s="28">
        <v>355.07979811758287</v>
      </c>
      <c r="N12" s="28">
        <v>169.93861683262855</v>
      </c>
      <c r="O12" s="28">
        <v>31268.101214022645</v>
      </c>
      <c r="P12" s="1">
        <v>2890</v>
      </c>
    </row>
    <row r="13" spans="1:19" x14ac:dyDescent="0.7">
      <c r="A13" s="1" t="s">
        <v>41</v>
      </c>
      <c r="B13" s="1">
        <v>6257000</v>
      </c>
      <c r="C13" s="28">
        <v>1123.541633370625</v>
      </c>
      <c r="D13" s="28">
        <v>6070.0015982100049</v>
      </c>
      <c r="E13" s="28">
        <v>2806.4567684193703</v>
      </c>
      <c r="F13" s="28">
        <v>59.079431037238294</v>
      </c>
      <c r="G13" s="1">
        <v>1.18</v>
      </c>
      <c r="H13" s="28">
        <v>115.48345852645038</v>
      </c>
      <c r="I13" s="28">
        <v>9854.7946300143849</v>
      </c>
      <c r="J13" s="28">
        <v>1603.7078472111236</v>
      </c>
      <c r="K13" s="28">
        <v>39.673965159021897</v>
      </c>
      <c r="L13" s="28">
        <v>13.752597091257792</v>
      </c>
      <c r="M13" s="28">
        <v>564.64919290394755</v>
      </c>
      <c r="N13" s="28">
        <v>45.608118906824352</v>
      </c>
      <c r="O13" s="28">
        <v>33203.826114751479</v>
      </c>
      <c r="P13" s="1">
        <v>2988</v>
      </c>
    </row>
    <row r="14" spans="1:19" x14ac:dyDescent="0.7">
      <c r="A14" s="1" t="s">
        <v>42</v>
      </c>
      <c r="B14" s="1">
        <v>14086000</v>
      </c>
      <c r="C14" s="28">
        <v>1074.1161436887689</v>
      </c>
      <c r="D14" s="28">
        <v>6650.5750390458606</v>
      </c>
      <c r="E14" s="28">
        <v>2275.3088172653697</v>
      </c>
      <c r="F14" s="28">
        <v>64.672014766434756</v>
      </c>
      <c r="G14" s="1">
        <v>1.04</v>
      </c>
      <c r="H14" s="28">
        <v>98.866960102229172</v>
      </c>
      <c r="I14" s="28">
        <v>9824.7749538548906</v>
      </c>
      <c r="J14" s="28">
        <v>2574.052250461451</v>
      </c>
      <c r="K14" s="28">
        <v>53.37143262814142</v>
      </c>
      <c r="L14" s="28">
        <v>13.669601022291637</v>
      </c>
      <c r="M14" s="28">
        <v>101.42552889393724</v>
      </c>
      <c r="N14" s="28">
        <v>56.719437739599599</v>
      </c>
      <c r="O14" s="28">
        <v>77808.88044867244</v>
      </c>
      <c r="P14" s="1">
        <v>5214</v>
      </c>
    </row>
    <row r="15" spans="1:19" x14ac:dyDescent="0.7">
      <c r="A15" s="1" t="s">
        <v>43</v>
      </c>
      <c r="B15" s="1">
        <v>9229000</v>
      </c>
      <c r="C15" s="28">
        <v>1117.1307834001518</v>
      </c>
      <c r="D15" s="28">
        <v>6293.206197854588</v>
      </c>
      <c r="E15" s="28">
        <v>2589.6630187452597</v>
      </c>
      <c r="F15" s="28">
        <v>61.217900097518687</v>
      </c>
      <c r="G15" s="1">
        <v>1.17</v>
      </c>
      <c r="H15" s="28">
        <v>107.07660634955033</v>
      </c>
      <c r="I15" s="28">
        <v>9816.7493769639186</v>
      </c>
      <c r="J15" s="28">
        <v>1788.9164589879726</v>
      </c>
      <c r="K15" s="28">
        <v>43.548596814389427</v>
      </c>
      <c r="L15" s="28">
        <v>13.866074330913426</v>
      </c>
      <c r="M15" s="28">
        <v>159.71936287788495</v>
      </c>
      <c r="N15" s="28">
        <v>59.744284321161558</v>
      </c>
      <c r="O15" s="28">
        <v>36737.960775815365</v>
      </c>
      <c r="P15" s="1">
        <v>2961</v>
      </c>
    </row>
    <row r="16" spans="1:19" x14ac:dyDescent="0.7">
      <c r="A16" s="1" t="s">
        <v>44</v>
      </c>
      <c r="B16" s="1">
        <v>2126000</v>
      </c>
      <c r="C16" s="28">
        <v>1072.4365004703668</v>
      </c>
      <c r="D16" s="28">
        <v>5545.6255879586079</v>
      </c>
      <c r="E16" s="28">
        <v>3386.6415804327376</v>
      </c>
      <c r="F16" s="28">
        <v>55.183443085606775</v>
      </c>
      <c r="G16" s="1">
        <v>1.27</v>
      </c>
      <c r="H16" s="28">
        <v>151.98965192850423</v>
      </c>
      <c r="I16" s="28">
        <v>10071.523988711195</v>
      </c>
      <c r="J16" s="28">
        <v>1252.0319849482598</v>
      </c>
      <c r="K16" s="28">
        <v>32.0931326434619</v>
      </c>
      <c r="L16" s="28">
        <v>11.359360301034807</v>
      </c>
      <c r="M16" s="28">
        <v>2140.2116650987773</v>
      </c>
      <c r="N16" s="28">
        <v>1490.5503292568203</v>
      </c>
      <c r="O16" s="28">
        <v>41662.775164628416</v>
      </c>
      <c r="P16" s="1">
        <v>2784</v>
      </c>
    </row>
    <row r="17" spans="1:16" x14ac:dyDescent="0.7">
      <c r="A17" s="1" t="s">
        <v>45</v>
      </c>
      <c r="B17" s="1">
        <v>1007000</v>
      </c>
      <c r="C17" s="28">
        <v>1072.4925521350547</v>
      </c>
      <c r="D17" s="28">
        <v>5620.6554121151939</v>
      </c>
      <c r="E17" s="28">
        <v>3306.8520357497514</v>
      </c>
      <c r="F17" s="28">
        <v>59.801390268123136</v>
      </c>
      <c r="G17" s="1">
        <v>1.46</v>
      </c>
      <c r="H17" s="28">
        <v>149.4736842105263</v>
      </c>
      <c r="I17" s="28">
        <v>10007.28897715988</v>
      </c>
      <c r="J17" s="28">
        <v>1186.9215491559087</v>
      </c>
      <c r="K17" s="28">
        <v>34.716981132075475</v>
      </c>
      <c r="L17" s="28">
        <v>10.665342601787488</v>
      </c>
      <c r="M17" s="28">
        <v>1829.424031777557</v>
      </c>
      <c r="N17" s="28">
        <v>1246.8123138033764</v>
      </c>
      <c r="O17" s="28">
        <v>46969.950347567028</v>
      </c>
      <c r="P17" s="1">
        <v>3120</v>
      </c>
    </row>
    <row r="18" spans="1:16" x14ac:dyDescent="0.7">
      <c r="A18" s="1" t="s">
        <v>46</v>
      </c>
      <c r="B18" s="1">
        <v>1109000</v>
      </c>
      <c r="C18" s="28">
        <v>1154.1929666366095</v>
      </c>
      <c r="D18" s="28">
        <v>5798.0162308385934</v>
      </c>
      <c r="E18" s="28">
        <v>3047.7908025247966</v>
      </c>
      <c r="F18" s="28">
        <v>63.796212804328221</v>
      </c>
      <c r="G18" s="1">
        <v>1.38</v>
      </c>
      <c r="H18" s="28">
        <v>129.08926961226331</v>
      </c>
      <c r="I18" s="28">
        <v>9894.5987376014436</v>
      </c>
      <c r="J18" s="28">
        <v>1465.5635707844906</v>
      </c>
      <c r="K18" s="28">
        <v>37.998196573489629</v>
      </c>
      <c r="L18" s="28">
        <v>11.316501352569881</v>
      </c>
      <c r="M18" s="28">
        <v>1257.5563570784491</v>
      </c>
      <c r="N18" s="28">
        <v>473.9765554553652</v>
      </c>
      <c r="O18" s="28">
        <v>40827.258791704233</v>
      </c>
      <c r="P18" s="1">
        <v>2770</v>
      </c>
    </row>
    <row r="19" spans="1:16" x14ac:dyDescent="0.7">
      <c r="A19" s="1" t="s">
        <v>47</v>
      </c>
      <c r="B19" s="1">
        <v>744000</v>
      </c>
      <c r="C19" s="28">
        <v>1196.236559139785</v>
      </c>
      <c r="D19" s="28">
        <v>5658.6021505376348</v>
      </c>
      <c r="E19" s="28">
        <v>3158.6021505376343</v>
      </c>
      <c r="F19" s="28">
        <v>65.336021505376351</v>
      </c>
      <c r="G19" s="1">
        <v>1.5</v>
      </c>
      <c r="H19" s="28">
        <v>141.38440860215053</v>
      </c>
      <c r="I19" s="28">
        <v>10033.010752688171</v>
      </c>
      <c r="J19" s="28">
        <v>1159.7043010752689</v>
      </c>
      <c r="K19" s="28">
        <v>37.836021505376344</v>
      </c>
      <c r="L19" s="28">
        <v>11.4247311827957</v>
      </c>
      <c r="M19" s="28">
        <v>1447.983870967742</v>
      </c>
      <c r="N19" s="28">
        <v>832.15053763440858</v>
      </c>
      <c r="O19" s="28">
        <v>47998.239247311831</v>
      </c>
      <c r="P19" s="1">
        <v>3182</v>
      </c>
    </row>
    <row r="20" spans="1:16" x14ac:dyDescent="0.7">
      <c r="A20" s="1" t="s">
        <v>48</v>
      </c>
      <c r="B20" s="1">
        <v>796000</v>
      </c>
      <c r="C20" s="28">
        <v>1092.964824120603</v>
      </c>
      <c r="D20" s="28">
        <v>5728.6432160804025</v>
      </c>
      <c r="E20" s="28">
        <v>3178.3919597989952</v>
      </c>
      <c r="F20" s="28">
        <v>59.786432160804026</v>
      </c>
      <c r="G20" s="1">
        <v>1.4</v>
      </c>
      <c r="H20" s="28">
        <v>139.321608040201</v>
      </c>
      <c r="I20" s="28">
        <v>9919.4221105527631</v>
      </c>
      <c r="J20" s="28">
        <v>1384.321608040201</v>
      </c>
      <c r="K20" s="28">
        <v>36.118090452261306</v>
      </c>
      <c r="L20" s="28">
        <v>14.170854271356784</v>
      </c>
      <c r="M20" s="28">
        <v>1197.361809045226</v>
      </c>
      <c r="N20" s="28">
        <v>1522.7010050251256</v>
      </c>
      <c r="O20" s="28">
        <v>44631.721105527635</v>
      </c>
      <c r="P20" s="1">
        <v>2982</v>
      </c>
    </row>
    <row r="21" spans="1:16" x14ac:dyDescent="0.7">
      <c r="A21" s="1" t="s">
        <v>49</v>
      </c>
      <c r="B21" s="1">
        <v>2004000</v>
      </c>
      <c r="C21" s="28">
        <v>1137.7245508982035</v>
      </c>
      <c r="D21" s="28">
        <v>5588.8223552894215</v>
      </c>
      <c r="E21" s="28">
        <v>3268.4630738522951</v>
      </c>
      <c r="F21" s="28">
        <v>60.593812375249499</v>
      </c>
      <c r="G21" s="1">
        <v>1.43</v>
      </c>
      <c r="H21" s="28">
        <v>142.23053892215569</v>
      </c>
      <c r="I21" s="28">
        <v>9972.7994011976043</v>
      </c>
      <c r="J21" s="28">
        <v>1284.9700598802397</v>
      </c>
      <c r="K21" s="28">
        <v>36.367265469061877</v>
      </c>
      <c r="L21" s="28">
        <v>12.76946107784431</v>
      </c>
      <c r="M21" s="28">
        <v>1621.2225548902195</v>
      </c>
      <c r="N21" s="28">
        <v>1387.1956087824353</v>
      </c>
      <c r="O21" s="28">
        <v>40988.393213572854</v>
      </c>
      <c r="P21" s="1">
        <v>2788</v>
      </c>
    </row>
    <row r="22" spans="1:16" x14ac:dyDescent="0.7">
      <c r="A22" s="1" t="s">
        <v>50</v>
      </c>
      <c r="B22" s="1">
        <v>1931000</v>
      </c>
      <c r="C22" s="28">
        <v>1160.0207146556188</v>
      </c>
      <c r="D22" s="28">
        <v>5717.2449508026939</v>
      </c>
      <c r="E22" s="28">
        <v>3122.734334541688</v>
      </c>
      <c r="F22" s="28">
        <v>57.607457276022785</v>
      </c>
      <c r="G22" s="1">
        <v>1.36</v>
      </c>
      <c r="H22" s="28">
        <v>135.5515277058519</v>
      </c>
      <c r="I22" s="28">
        <v>10032.294148109788</v>
      </c>
      <c r="J22" s="28">
        <v>1184.4381149663386</v>
      </c>
      <c r="K22" s="28">
        <v>33.790781978249612</v>
      </c>
      <c r="L22" s="28">
        <v>13.283272915587778</v>
      </c>
      <c r="M22" s="28">
        <v>1144.810978767478</v>
      </c>
      <c r="N22" s="28">
        <v>1010.3210771620921</v>
      </c>
      <c r="O22" s="28">
        <v>39684.091144484722</v>
      </c>
      <c r="P22" s="1">
        <v>2875</v>
      </c>
    </row>
    <row r="23" spans="1:16" x14ac:dyDescent="0.7">
      <c r="A23" s="1" t="s">
        <v>51</v>
      </c>
      <c r="B23" s="1">
        <v>3555000</v>
      </c>
      <c r="C23" s="28">
        <v>1136.4275668073135</v>
      </c>
      <c r="D23" s="28">
        <v>5766.5260196905765</v>
      </c>
      <c r="E23" s="28">
        <v>3097.0464135021098</v>
      </c>
      <c r="F23" s="28">
        <v>57.876230661040786</v>
      </c>
      <c r="G23" s="1">
        <v>1.33</v>
      </c>
      <c r="H23" s="28">
        <v>133.14767932489451</v>
      </c>
      <c r="I23" s="28">
        <v>9988.8691983122353</v>
      </c>
      <c r="J23" s="28">
        <v>1328.2728551336145</v>
      </c>
      <c r="K23" s="28">
        <v>36.92545710267229</v>
      </c>
      <c r="L23" s="28">
        <v>13.943741209563996</v>
      </c>
      <c r="M23" s="28">
        <v>780.43037974683534</v>
      </c>
      <c r="N23" s="28">
        <v>236.41350210970467</v>
      </c>
      <c r="O23" s="28">
        <v>48115.983122362864</v>
      </c>
      <c r="P23" s="1">
        <v>3110</v>
      </c>
    </row>
    <row r="24" spans="1:16" x14ac:dyDescent="0.7">
      <c r="A24" s="1" t="s">
        <v>52</v>
      </c>
      <c r="B24" s="1">
        <v>7477000</v>
      </c>
      <c r="C24" s="28">
        <v>1239.8020596495921</v>
      </c>
      <c r="D24" s="28">
        <v>6188.310819847532</v>
      </c>
      <c r="E24" s="28">
        <v>2571.8871205028754</v>
      </c>
      <c r="F24" s="28">
        <v>68.412464892336502</v>
      </c>
      <c r="G24" s="1">
        <v>1.35</v>
      </c>
      <c r="H24" s="28">
        <v>108.57696937274308</v>
      </c>
      <c r="I24" s="28">
        <v>9913.1884445633277</v>
      </c>
      <c r="J24" s="28">
        <v>1571.7814631536712</v>
      </c>
      <c r="K24" s="28">
        <v>44.715795104988636</v>
      </c>
      <c r="L24" s="28">
        <v>14.793366323391734</v>
      </c>
      <c r="M24" s="28">
        <v>400.66604253042664</v>
      </c>
      <c r="N24" s="28">
        <v>118.87254246355489</v>
      </c>
      <c r="O24" s="28">
        <v>53041.715928848469</v>
      </c>
      <c r="P24" s="1">
        <v>3428</v>
      </c>
    </row>
    <row r="25" spans="1:16" x14ac:dyDescent="0.7">
      <c r="A25" s="1" t="s">
        <v>53</v>
      </c>
      <c r="B25" s="1">
        <v>1727000</v>
      </c>
      <c r="C25" s="28">
        <v>1146.4968152866243</v>
      </c>
      <c r="D25" s="28">
        <v>5784.5975680370584</v>
      </c>
      <c r="E25" s="28">
        <v>3063.1152287203245</v>
      </c>
      <c r="F25" s="28">
        <v>60.735379270411116</v>
      </c>
      <c r="G25" s="1">
        <v>1.4</v>
      </c>
      <c r="H25" s="28">
        <v>135.15344528083381</v>
      </c>
      <c r="I25" s="28">
        <v>10006.010422698322</v>
      </c>
      <c r="J25" s="28">
        <v>1416.8963520555876</v>
      </c>
      <c r="K25" s="28">
        <v>37.307469600463236</v>
      </c>
      <c r="L25" s="28">
        <v>14.365952518818762</v>
      </c>
      <c r="M25" s="28">
        <v>1195.2171395483497</v>
      </c>
      <c r="N25" s="28">
        <v>1207.1627099015634</v>
      </c>
      <c r="O25" s="28">
        <v>47904.655471916616</v>
      </c>
      <c r="P25" s="1">
        <v>2948</v>
      </c>
    </row>
    <row r="26" spans="1:16" x14ac:dyDescent="0.7">
      <c r="A26" s="1" t="s">
        <v>54</v>
      </c>
      <c r="B26" s="1">
        <v>1407000</v>
      </c>
      <c r="C26" s="28">
        <v>1293.5323383084576</v>
      </c>
      <c r="D26" s="28">
        <v>5998.5785358919684</v>
      </c>
      <c r="E26" s="28">
        <v>2700.7818052594175</v>
      </c>
      <c r="F26" s="28">
        <v>69.410092395167027</v>
      </c>
      <c r="G26" s="1">
        <v>1.43</v>
      </c>
      <c r="H26" s="28">
        <v>106.91542288557214</v>
      </c>
      <c r="I26" s="28">
        <v>9887.0859985785373</v>
      </c>
      <c r="J26" s="28">
        <v>1293.6105188343993</v>
      </c>
      <c r="K26" s="28">
        <v>40.099502487562184</v>
      </c>
      <c r="L26" s="28">
        <v>13.04904051172708</v>
      </c>
      <c r="M26" s="28">
        <v>923.64605543710024</v>
      </c>
      <c r="N26" s="28">
        <v>1065.7924662402274</v>
      </c>
      <c r="O26" s="28">
        <v>47901.464108031272</v>
      </c>
      <c r="P26" s="1">
        <v>3097</v>
      </c>
    </row>
    <row r="27" spans="1:16" x14ac:dyDescent="0.7">
      <c r="A27" s="1" t="s">
        <v>55</v>
      </c>
      <c r="B27" s="1">
        <v>2535000</v>
      </c>
      <c r="C27" s="28">
        <v>1084.8126232741618</v>
      </c>
      <c r="D27" s="28">
        <v>5944.7731755424056</v>
      </c>
      <c r="E27" s="28">
        <v>2970.4142011834315</v>
      </c>
      <c r="F27" s="28">
        <v>59.439842209072978</v>
      </c>
      <c r="G27" s="1">
        <v>1.18</v>
      </c>
      <c r="H27" s="28">
        <v>124.22485207100593</v>
      </c>
      <c r="I27" s="28">
        <v>9955.6528599605517</v>
      </c>
      <c r="J27" s="28">
        <v>1932.2090729783038</v>
      </c>
      <c r="K27" s="28">
        <v>37.755424063116372</v>
      </c>
      <c r="L27" s="28">
        <v>13.861932938856016</v>
      </c>
      <c r="M27" s="28">
        <v>464.41420118343194</v>
      </c>
      <c r="N27" s="28">
        <v>374.34319526627223</v>
      </c>
      <c r="O27" s="28">
        <v>40110.41814595661</v>
      </c>
      <c r="P27" s="1">
        <v>2745</v>
      </c>
    </row>
    <row r="28" spans="1:16" x14ac:dyDescent="0.7">
      <c r="A28" s="1" t="s">
        <v>56</v>
      </c>
      <c r="B28" s="1">
        <v>8763000</v>
      </c>
      <c r="C28" s="28">
        <v>1122.9031153714482</v>
      </c>
      <c r="D28" s="28">
        <v>6110.9209174940097</v>
      </c>
      <c r="E28" s="28">
        <v>2766.175967134543</v>
      </c>
      <c r="F28" s="28">
        <v>65.405682985279014</v>
      </c>
      <c r="G28" s="1">
        <v>1.22</v>
      </c>
      <c r="H28" s="28">
        <v>121.27924226862947</v>
      </c>
      <c r="I28" s="28">
        <v>9882.1442428392111</v>
      </c>
      <c r="J28" s="28">
        <v>1970.90836471528</v>
      </c>
      <c r="K28" s="28">
        <v>46.059568640876414</v>
      </c>
      <c r="L28" s="28">
        <v>16.503480543192968</v>
      </c>
      <c r="M28" s="28">
        <v>152.23895926052722</v>
      </c>
      <c r="N28" s="28">
        <v>22.867739358667123</v>
      </c>
      <c r="O28" s="28">
        <v>45327.303434896719</v>
      </c>
      <c r="P28" s="1">
        <v>2830</v>
      </c>
    </row>
    <row r="29" spans="1:16" x14ac:dyDescent="0.7">
      <c r="A29" s="1" t="s">
        <v>57</v>
      </c>
      <c r="B29" s="1">
        <v>5370000</v>
      </c>
      <c r="C29" s="28">
        <v>1171.3221601489759</v>
      </c>
      <c r="D29" s="28">
        <v>5832.402234636872</v>
      </c>
      <c r="E29" s="28">
        <v>2996.2756052141526</v>
      </c>
      <c r="F29" s="28">
        <v>62.504655493482311</v>
      </c>
      <c r="G29" s="1">
        <v>1.31</v>
      </c>
      <c r="H29" s="28">
        <v>123.91247672253259</v>
      </c>
      <c r="I29" s="28">
        <v>9973.0055865921786</v>
      </c>
      <c r="J29" s="28">
        <v>1606.1657355679702</v>
      </c>
      <c r="K29" s="28">
        <v>38.815642458100562</v>
      </c>
      <c r="L29" s="28">
        <v>14.715083798882683</v>
      </c>
      <c r="M29" s="28">
        <v>515.72998137802608</v>
      </c>
      <c r="N29" s="28">
        <v>309.27560521415268</v>
      </c>
      <c r="O29" s="28">
        <v>40476.482309124767</v>
      </c>
      <c r="P29" s="1">
        <v>2887</v>
      </c>
    </row>
    <row r="30" spans="1:16" x14ac:dyDescent="0.7">
      <c r="A30" s="1" t="s">
        <v>58</v>
      </c>
      <c r="B30" s="1">
        <v>1296000</v>
      </c>
      <c r="C30" s="28">
        <v>1118.827160493827</v>
      </c>
      <c r="D30" s="28">
        <v>5617.2839506172841</v>
      </c>
      <c r="E30" s="28">
        <v>3263.8888888888891</v>
      </c>
      <c r="F30" s="28">
        <v>56.442901234567906</v>
      </c>
      <c r="G30" s="1">
        <v>1.25</v>
      </c>
      <c r="H30" s="28">
        <v>132.4537037037037</v>
      </c>
      <c r="I30" s="28">
        <v>9976.7361111111113</v>
      </c>
      <c r="J30" s="28">
        <v>1228.4259259259259</v>
      </c>
      <c r="K30" s="28">
        <v>32.445987654320987</v>
      </c>
      <c r="L30" s="28">
        <v>13.734567901234568</v>
      </c>
      <c r="M30" s="28">
        <v>658.86574074074065</v>
      </c>
      <c r="N30" s="28">
        <v>488.64197530864197</v>
      </c>
      <c r="O30" s="28">
        <v>28440.339506172841</v>
      </c>
      <c r="P30" s="1">
        <v>2501</v>
      </c>
    </row>
    <row r="31" spans="1:16" x14ac:dyDescent="0.7">
      <c r="A31" s="1" t="s">
        <v>59</v>
      </c>
      <c r="B31" s="1">
        <v>892000</v>
      </c>
      <c r="C31" s="28">
        <v>1109.865470852018</v>
      </c>
      <c r="D31" s="28">
        <v>5470.8520179372199</v>
      </c>
      <c r="E31" s="28">
        <v>3419.2825112107621</v>
      </c>
      <c r="F31" s="28">
        <v>58.721973094170409</v>
      </c>
      <c r="G31" s="1">
        <v>1.39</v>
      </c>
      <c r="H31" s="28">
        <v>160.40358744394621</v>
      </c>
      <c r="I31" s="28">
        <v>10049.607623318387</v>
      </c>
      <c r="J31" s="28">
        <v>1433.9461883408073</v>
      </c>
      <c r="K31" s="28">
        <v>35.795964125560538</v>
      </c>
      <c r="L31" s="28">
        <v>15.538116591928251</v>
      </c>
      <c r="M31" s="28">
        <v>1259.4058295964126</v>
      </c>
      <c r="N31" s="28">
        <v>675.96412556053804</v>
      </c>
      <c r="O31" s="28">
        <v>40640.033632286992</v>
      </c>
      <c r="P31" s="1">
        <v>2751</v>
      </c>
    </row>
    <row r="32" spans="1:16" x14ac:dyDescent="0.7">
      <c r="A32" s="1" t="s">
        <v>60</v>
      </c>
      <c r="B32" s="1">
        <v>537000</v>
      </c>
      <c r="C32" s="28">
        <v>1210.4283054003724</v>
      </c>
      <c r="D32" s="28">
        <v>5474.8603351955308</v>
      </c>
      <c r="E32" s="28">
        <v>3333.333333333333</v>
      </c>
      <c r="F32" s="28">
        <v>69.869646182495345</v>
      </c>
      <c r="G32" s="1">
        <v>1.6</v>
      </c>
      <c r="H32" s="28">
        <v>149.55307262569832</v>
      </c>
      <c r="I32" s="28">
        <v>9970.0744878957175</v>
      </c>
      <c r="J32" s="28">
        <v>1315.4748603351954</v>
      </c>
      <c r="K32" s="28">
        <v>36.890130353817504</v>
      </c>
      <c r="L32" s="28">
        <v>14.208566108007449</v>
      </c>
      <c r="M32" s="28">
        <v>1683.8361266294228</v>
      </c>
      <c r="N32" s="28">
        <v>913.61266294227198</v>
      </c>
      <c r="O32" s="28">
        <v>33890.837988826817</v>
      </c>
      <c r="P32" s="1">
        <v>2313</v>
      </c>
    </row>
    <row r="33" spans="1:16" x14ac:dyDescent="0.7">
      <c r="A33" s="1" t="s">
        <v>61</v>
      </c>
      <c r="B33" s="1">
        <v>650000</v>
      </c>
      <c r="C33" s="28">
        <v>1184.6153846153848</v>
      </c>
      <c r="D33" s="28">
        <v>5323.0769230769229</v>
      </c>
      <c r="E33" s="28">
        <v>3492.3076923076924</v>
      </c>
      <c r="F33" s="28">
        <v>64.015384615384605</v>
      </c>
      <c r="G33" s="1">
        <v>1.57</v>
      </c>
      <c r="H33" s="28">
        <v>160.52307692307693</v>
      </c>
      <c r="I33" s="28">
        <v>9926.8615384615387</v>
      </c>
      <c r="J33" s="28">
        <v>1369.7846153846156</v>
      </c>
      <c r="K33" s="28">
        <v>33.338461538461537</v>
      </c>
      <c r="L33" s="28">
        <v>12.507692307692309</v>
      </c>
      <c r="M33" s="28">
        <v>1955.0923076923077</v>
      </c>
      <c r="N33" s="28">
        <v>619.07692307692309</v>
      </c>
      <c r="O33" s="28">
        <v>39625.953846153847</v>
      </c>
      <c r="P33" s="1">
        <v>2768</v>
      </c>
    </row>
    <row r="34" spans="1:16" x14ac:dyDescent="0.7">
      <c r="A34" s="1" t="s">
        <v>62</v>
      </c>
      <c r="B34" s="1">
        <v>1847000</v>
      </c>
      <c r="C34" s="28">
        <v>1191.1207363291824</v>
      </c>
      <c r="D34" s="28">
        <v>5706.5511640498098</v>
      </c>
      <c r="E34" s="28">
        <v>3102.3280996210074</v>
      </c>
      <c r="F34" s="28">
        <v>66.978884677855987</v>
      </c>
      <c r="G34" s="1">
        <v>1.39</v>
      </c>
      <c r="H34" s="28">
        <v>134.81862479696807</v>
      </c>
      <c r="I34" s="28">
        <v>9942.2577152138601</v>
      </c>
      <c r="J34" s="28">
        <v>1542.6421223605846</v>
      </c>
      <c r="K34" s="28">
        <v>40.05955603681646</v>
      </c>
      <c r="L34" s="28">
        <v>15.08933405522469</v>
      </c>
      <c r="M34" s="28">
        <v>1206.572820790471</v>
      </c>
      <c r="N34" s="28">
        <v>436.72983216025989</v>
      </c>
      <c r="O34" s="28">
        <v>41182.67460747157</v>
      </c>
      <c r="P34" s="1">
        <v>2665</v>
      </c>
    </row>
    <row r="35" spans="1:16" x14ac:dyDescent="0.7">
      <c r="A35" s="1" t="s">
        <v>63</v>
      </c>
      <c r="B35" s="1">
        <v>2738000</v>
      </c>
      <c r="C35" s="28">
        <v>1208.9116143170197</v>
      </c>
      <c r="D35" s="28">
        <v>5777.9401022644261</v>
      </c>
      <c r="E35" s="28">
        <v>3013.1482834185535</v>
      </c>
      <c r="F35" s="28">
        <v>65.387143900657406</v>
      </c>
      <c r="G35" s="1">
        <v>1.4</v>
      </c>
      <c r="H35" s="28">
        <v>127.61139517896274</v>
      </c>
      <c r="I35" s="28">
        <v>9953.2578524470409</v>
      </c>
      <c r="J35" s="28">
        <v>1690.872899926954</v>
      </c>
      <c r="K35" s="28">
        <v>39.747991234477723</v>
      </c>
      <c r="L35" s="28">
        <v>14.470416362308255</v>
      </c>
      <c r="M35" s="28">
        <v>839.30606281957625</v>
      </c>
      <c r="N35" s="28">
        <v>138.26515704894084</v>
      </c>
      <c r="O35" s="28">
        <v>42203.674214755294</v>
      </c>
      <c r="P35" s="1">
        <v>2969</v>
      </c>
    </row>
    <row r="36" spans="1:16" x14ac:dyDescent="0.7">
      <c r="A36" s="1" t="s">
        <v>64</v>
      </c>
      <c r="B36" s="1">
        <v>1298000</v>
      </c>
      <c r="C36" s="28">
        <v>1101.6949152542372</v>
      </c>
      <c r="D36" s="28">
        <v>5362.0955315870569</v>
      </c>
      <c r="E36" s="28">
        <v>3536.2095531587056</v>
      </c>
      <c r="F36" s="28">
        <v>59.799691833590138</v>
      </c>
      <c r="G36" s="1">
        <v>1.47</v>
      </c>
      <c r="H36" s="28">
        <v>159.37596302003081</v>
      </c>
      <c r="I36" s="28">
        <v>9967.8120184899835</v>
      </c>
      <c r="J36" s="28">
        <v>1681.1093990755007</v>
      </c>
      <c r="K36" s="28">
        <v>35.385208012326657</v>
      </c>
      <c r="L36" s="28">
        <v>13.536209553158706</v>
      </c>
      <c r="M36" s="28">
        <v>1321.4406779661017</v>
      </c>
      <c r="N36" s="28">
        <v>331.055469953775</v>
      </c>
      <c r="O36" s="28">
        <v>47366.302003081662</v>
      </c>
      <c r="P36" s="1">
        <v>2960</v>
      </c>
    </row>
    <row r="37" spans="1:16" x14ac:dyDescent="0.7">
      <c r="A37" s="1" t="s">
        <v>65</v>
      </c>
      <c r="B37" s="1">
        <v>695000</v>
      </c>
      <c r="C37" s="28">
        <v>1064.7482014388488</v>
      </c>
      <c r="D37" s="28">
        <v>5410.0719424460431</v>
      </c>
      <c r="E37" s="28">
        <v>3539.5683453237407</v>
      </c>
      <c r="F37" s="28">
        <v>59.68345323741007</v>
      </c>
      <c r="G37" s="1">
        <v>1.42</v>
      </c>
      <c r="H37" s="28">
        <v>157.81294964028777</v>
      </c>
      <c r="I37" s="28">
        <v>9976.8489208633091</v>
      </c>
      <c r="J37" s="28">
        <v>1576.546762589928</v>
      </c>
      <c r="K37" s="28">
        <v>34.172661870503596</v>
      </c>
      <c r="L37" s="28">
        <v>14.503597122302159</v>
      </c>
      <c r="M37" s="28">
        <v>1462.2733812949639</v>
      </c>
      <c r="N37" s="28">
        <v>556.92086330935251</v>
      </c>
      <c r="O37" s="28">
        <v>45829.755395683453</v>
      </c>
      <c r="P37" s="1">
        <v>3013</v>
      </c>
    </row>
    <row r="38" spans="1:16" x14ac:dyDescent="0.7">
      <c r="A38" s="1" t="s">
        <v>66</v>
      </c>
      <c r="B38" s="1">
        <v>926000</v>
      </c>
      <c r="C38" s="28">
        <v>1155.5075593952483</v>
      </c>
      <c r="D38" s="28">
        <v>5583.1533477321818</v>
      </c>
      <c r="E38" s="28">
        <v>3250.5399568034559</v>
      </c>
      <c r="F38" s="28">
        <v>62.656587473002162</v>
      </c>
      <c r="G38" s="1">
        <v>1.45</v>
      </c>
      <c r="H38" s="28">
        <v>146.3498920086393</v>
      </c>
      <c r="I38" s="28">
        <v>9944.4060475161987</v>
      </c>
      <c r="J38" s="28">
        <v>1509.9136069114472</v>
      </c>
      <c r="K38" s="28">
        <v>37.095032397408211</v>
      </c>
      <c r="L38" s="28">
        <v>15.896328293736502</v>
      </c>
      <c r="M38" s="28">
        <v>1085.3455723542118</v>
      </c>
      <c r="N38" s="28">
        <v>221.74946004319654</v>
      </c>
      <c r="O38" s="28">
        <v>40328.758099352046</v>
      </c>
      <c r="P38" s="1">
        <v>2766</v>
      </c>
    </row>
    <row r="39" spans="1:16" x14ac:dyDescent="0.7">
      <c r="A39" s="1" t="s">
        <v>67</v>
      </c>
      <c r="B39" s="1">
        <v>1291000</v>
      </c>
      <c r="C39" s="28">
        <v>1107.6684740511232</v>
      </c>
      <c r="D39" s="28">
        <v>5476.3749031758325</v>
      </c>
      <c r="E39" s="28">
        <v>3415.9566227730443</v>
      </c>
      <c r="F39" s="28">
        <v>58.652207591014715</v>
      </c>
      <c r="G39" s="1">
        <v>1.39</v>
      </c>
      <c r="H39" s="28">
        <v>154.86444616576298</v>
      </c>
      <c r="I39" s="28">
        <v>10031.216111541442</v>
      </c>
      <c r="J39" s="28">
        <v>1741.0766847405112</v>
      </c>
      <c r="K39" s="28">
        <v>34.678543764523624</v>
      </c>
      <c r="L39" s="28">
        <v>14.934159566227731</v>
      </c>
      <c r="M39" s="28">
        <v>1290.2711076684739</v>
      </c>
      <c r="N39" s="28">
        <v>318.5205267234702</v>
      </c>
      <c r="O39" s="28">
        <v>37393.183578621225</v>
      </c>
      <c r="P39" s="1">
        <v>2471</v>
      </c>
    </row>
    <row r="40" spans="1:16" x14ac:dyDescent="0.7">
      <c r="A40" s="1" t="s">
        <v>68</v>
      </c>
      <c r="B40" s="1">
        <v>666000</v>
      </c>
      <c r="C40" s="28">
        <v>1051.051051051051</v>
      </c>
      <c r="D40" s="28">
        <v>5330.330330330331</v>
      </c>
      <c r="E40" s="28">
        <v>3633.633633633634</v>
      </c>
      <c r="F40" s="28">
        <v>55.870870870870867</v>
      </c>
      <c r="G40" s="1">
        <v>1.36</v>
      </c>
      <c r="H40" s="28">
        <v>172.25225225225225</v>
      </c>
      <c r="I40" s="28">
        <v>9969.4144144144157</v>
      </c>
      <c r="J40" s="28">
        <v>1844.8498498498498</v>
      </c>
      <c r="K40" s="28">
        <v>32.867867867867865</v>
      </c>
      <c r="L40" s="28">
        <v>15.990990990990991</v>
      </c>
      <c r="M40" s="28">
        <v>1741.6516516516517</v>
      </c>
      <c r="N40" s="28">
        <v>713.27327327327328</v>
      </c>
      <c r="O40" s="28">
        <v>35349.48948948949</v>
      </c>
      <c r="P40" s="1">
        <v>2491</v>
      </c>
    </row>
    <row r="41" spans="1:16" x14ac:dyDescent="0.7">
      <c r="A41" s="1" t="s">
        <v>69</v>
      </c>
      <c r="B41" s="1">
        <v>5103000</v>
      </c>
      <c r="C41" s="28">
        <v>1262.0027434842248</v>
      </c>
      <c r="D41" s="28">
        <v>5892.6121889084852</v>
      </c>
      <c r="E41" s="28">
        <v>2845.3850676072902</v>
      </c>
      <c r="F41" s="28">
        <v>70.487948265726047</v>
      </c>
      <c r="G41" s="1">
        <v>1.33</v>
      </c>
      <c r="H41" s="28">
        <v>120.12933568489123</v>
      </c>
      <c r="I41" s="28">
        <v>9771.2071330589843</v>
      </c>
      <c r="J41" s="28">
        <v>1847.9188712522046</v>
      </c>
      <c r="K41" s="28">
        <v>42.798353909465021</v>
      </c>
      <c r="L41" s="28">
        <v>16.547129139721733</v>
      </c>
      <c r="M41" s="28">
        <v>541.74407211444247</v>
      </c>
      <c r="N41" s="28">
        <v>172.64550264550263</v>
      </c>
      <c r="O41" s="28">
        <v>37011.422692533801</v>
      </c>
      <c r="P41" s="1">
        <v>2630</v>
      </c>
    </row>
    <row r="42" spans="1:16" x14ac:dyDescent="0.7">
      <c r="A42" s="1" t="s">
        <v>70</v>
      </c>
      <c r="B42" s="1">
        <v>795000</v>
      </c>
      <c r="C42" s="28">
        <v>1295.5974842767296</v>
      </c>
      <c r="D42" s="28">
        <v>5534.5911949685533</v>
      </c>
      <c r="E42" s="28">
        <v>3169.8113207547167</v>
      </c>
      <c r="F42" s="28">
        <v>69.836477987421389</v>
      </c>
      <c r="G42" s="1">
        <v>1.53</v>
      </c>
      <c r="H42" s="28">
        <v>140.93081761006289</v>
      </c>
      <c r="I42" s="28">
        <v>9831.4591194968543</v>
      </c>
      <c r="J42" s="28">
        <v>1185.9119496855346</v>
      </c>
      <c r="K42" s="28">
        <v>37.119496855345915</v>
      </c>
      <c r="L42" s="28">
        <v>13.09433962264151</v>
      </c>
      <c r="M42" s="28">
        <v>1678.7169811320755</v>
      </c>
      <c r="N42" s="28">
        <v>338.1635220125786</v>
      </c>
      <c r="O42" s="28">
        <v>38313.32075471698</v>
      </c>
      <c r="P42" s="1">
        <v>2575</v>
      </c>
    </row>
    <row r="43" spans="1:16" x14ac:dyDescent="0.7">
      <c r="A43" s="1" t="s">
        <v>71</v>
      </c>
      <c r="B43" s="1">
        <v>1267000</v>
      </c>
      <c r="C43" s="28">
        <v>1207.5769534333072</v>
      </c>
      <c r="D43" s="28">
        <v>5359.116022099447</v>
      </c>
      <c r="E43" s="28">
        <v>3433.3070244672454</v>
      </c>
      <c r="F43" s="28">
        <v>66.014206787687456</v>
      </c>
      <c r="G43" s="1">
        <v>1.57</v>
      </c>
      <c r="H43" s="28">
        <v>152.3993685872139</v>
      </c>
      <c r="I43" s="28">
        <v>9943.0465666929758</v>
      </c>
      <c r="J43" s="28">
        <v>1511.2075769534333</v>
      </c>
      <c r="K43" s="28">
        <v>34.806629834254146</v>
      </c>
      <c r="L43" s="28">
        <v>13.820047355958959</v>
      </c>
      <c r="M43" s="28">
        <v>1316.527229676401</v>
      </c>
      <c r="N43" s="28">
        <v>584.77505919494865</v>
      </c>
      <c r="O43" s="28">
        <v>35822.47829518548</v>
      </c>
      <c r="P43" s="1">
        <v>2483</v>
      </c>
    </row>
    <row r="44" spans="1:16" x14ac:dyDescent="0.7">
      <c r="A44" s="1" t="s">
        <v>72</v>
      </c>
      <c r="B44" s="1">
        <v>1709000</v>
      </c>
      <c r="C44" s="28">
        <v>1281.4511410181392</v>
      </c>
      <c r="D44" s="28">
        <v>5488.5898186073719</v>
      </c>
      <c r="E44" s="28">
        <v>3229.9590403744883</v>
      </c>
      <c r="F44" s="28">
        <v>69.485078993563491</v>
      </c>
      <c r="G44" s="1">
        <v>1.52</v>
      </c>
      <c r="H44" s="28">
        <v>142.93153891164422</v>
      </c>
      <c r="I44" s="28">
        <v>9823.2475131655938</v>
      </c>
      <c r="J44" s="28">
        <v>1421.5330602691633</v>
      </c>
      <c r="K44" s="28">
        <v>37.150380339379758</v>
      </c>
      <c r="L44" s="28">
        <v>14.523112931538911</v>
      </c>
      <c r="M44" s="28">
        <v>1607.1854885898188</v>
      </c>
      <c r="N44" s="28">
        <v>910.68461088355775</v>
      </c>
      <c r="O44" s="28">
        <v>35723.148039789347</v>
      </c>
      <c r="P44" s="1">
        <v>2498</v>
      </c>
    </row>
    <row r="45" spans="1:16" x14ac:dyDescent="0.7">
      <c r="A45" s="1" t="s">
        <v>73</v>
      </c>
      <c r="B45" s="1">
        <v>1096000</v>
      </c>
      <c r="C45" s="28">
        <v>1158.7591240875913</v>
      </c>
      <c r="D45" s="28">
        <v>5419.7080291970797</v>
      </c>
      <c r="E45" s="28">
        <v>3421.5328467153281</v>
      </c>
      <c r="F45" s="28">
        <v>62.025547445255476</v>
      </c>
      <c r="G45" s="1">
        <v>1.49</v>
      </c>
      <c r="H45" s="28">
        <v>148.41240875912408</v>
      </c>
      <c r="I45" s="28">
        <v>9874.6897810218979</v>
      </c>
      <c r="J45" s="28">
        <v>1599.7171532846717</v>
      </c>
      <c r="K45" s="28">
        <v>36.833941605839414</v>
      </c>
      <c r="L45" s="28">
        <v>14.917883211678832</v>
      </c>
      <c r="M45" s="28">
        <v>1637.8193430656934</v>
      </c>
      <c r="N45" s="28">
        <v>1594.2518248175184</v>
      </c>
      <c r="O45" s="28">
        <v>40675.456204379559</v>
      </c>
      <c r="P45" s="1">
        <v>2604</v>
      </c>
    </row>
    <row r="46" spans="1:16" x14ac:dyDescent="0.7">
      <c r="A46" s="1" t="s">
        <v>74</v>
      </c>
      <c r="B46" s="1">
        <v>1042000</v>
      </c>
      <c r="C46" s="28">
        <v>1276.3915547024951</v>
      </c>
      <c r="D46" s="28">
        <v>5364.6833013435698</v>
      </c>
      <c r="E46" s="28">
        <v>3368.5220729366606</v>
      </c>
      <c r="F46" s="28">
        <v>68.48368522072937</v>
      </c>
      <c r="G46" s="1">
        <v>1.63</v>
      </c>
      <c r="H46" s="28">
        <v>154.61612284069096</v>
      </c>
      <c r="I46" s="28">
        <v>9885.8541266794637</v>
      </c>
      <c r="J46" s="28">
        <v>1610.1343570057579</v>
      </c>
      <c r="K46" s="28">
        <v>36.51631477927063</v>
      </c>
      <c r="L46" s="28">
        <v>16.880998080614201</v>
      </c>
      <c r="M46" s="28">
        <v>1799.5009596928983</v>
      </c>
      <c r="N46" s="28">
        <v>882.14011516314781</v>
      </c>
      <c r="O46" s="28">
        <v>34572.514395393475</v>
      </c>
      <c r="P46" s="1">
        <v>2289</v>
      </c>
    </row>
    <row r="47" spans="1:16" x14ac:dyDescent="0.7">
      <c r="A47" s="1" t="s">
        <v>75</v>
      </c>
      <c r="B47" s="1">
        <v>1549000</v>
      </c>
      <c r="C47" s="28">
        <v>1271.7882504841834</v>
      </c>
      <c r="D47" s="28">
        <v>5345.3841187863136</v>
      </c>
      <c r="E47" s="28">
        <v>3382.8276307295032</v>
      </c>
      <c r="F47" s="28">
        <v>68.043899289864427</v>
      </c>
      <c r="G47" s="1">
        <v>1.54</v>
      </c>
      <c r="H47" s="28">
        <v>154.45448676565528</v>
      </c>
      <c r="I47" s="28">
        <v>9867.4693350548732</v>
      </c>
      <c r="J47" s="28">
        <v>1824.8160103292446</v>
      </c>
      <c r="K47" s="28">
        <v>36.275016139444801</v>
      </c>
      <c r="L47" s="28">
        <v>15.848934796642995</v>
      </c>
      <c r="M47" s="28">
        <v>2122.1691413815365</v>
      </c>
      <c r="N47" s="28">
        <v>822.19496449322139</v>
      </c>
      <c r="O47" s="28">
        <v>36218.663653970303</v>
      </c>
      <c r="P47" s="1">
        <v>2408</v>
      </c>
    </row>
    <row r="48" spans="1:16" x14ac:dyDescent="0.7">
      <c r="A48" s="1" t="s">
        <v>76</v>
      </c>
      <c r="B48" s="1">
        <v>1468000</v>
      </c>
      <c r="C48" s="28">
        <v>1607.6294277929153</v>
      </c>
      <c r="D48" s="28">
        <v>6008.1743869209813</v>
      </c>
      <c r="E48" s="28">
        <v>2384.1961852861036</v>
      </c>
      <c r="F48" s="28">
        <v>92.602179836512263</v>
      </c>
      <c r="G48" s="1">
        <v>1.7</v>
      </c>
      <c r="H48" s="28">
        <v>102.54768392370573</v>
      </c>
      <c r="I48" s="28">
        <v>9742.2956403269764</v>
      </c>
      <c r="J48" s="28">
        <v>1564.0463215258858</v>
      </c>
      <c r="K48" s="28">
        <v>44.591280653950953</v>
      </c>
      <c r="L48" s="28">
        <v>21.028610354223432</v>
      </c>
      <c r="M48" s="28">
        <v>767.07765667574938</v>
      </c>
      <c r="N48" s="28">
        <v>555.57220708446869</v>
      </c>
      <c r="O48" s="28">
        <v>29025.034059945501</v>
      </c>
      <c r="P48" s="1">
        <v>2167</v>
      </c>
    </row>
  </sheetData>
  <phoneticPr fontId="1"/>
  <hyperlinks>
    <hyperlink ref="R6" r:id="rId1" location="SSDSE-E" xr:uid="{0A70B36E-B17D-44B8-A934-7580329813D0}"/>
  </hyperlinks>
  <pageMargins left="0.7" right="0.7" top="0.75" bottom="0.75" header="0.3" footer="0.3"/>
  <pageSetup paperSize="9" orientation="portrait"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995225c5-6bd0-423e-bdd8-fd19f4d5b209">
      <Terms xmlns="http://schemas.microsoft.com/office/infopath/2007/PartnerControls"/>
    </lcf76f155ced4ddcb4097134ff3c332f>
    <TaxCatchAll xmlns="15c546a6-8e60-4985-a074-f7757a876df0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11D52CEF4A328943BDDA1D4D9D1C4E2D" ma:contentTypeVersion="11" ma:contentTypeDescription="新しいドキュメントを作成します。" ma:contentTypeScope="" ma:versionID="c90422ce0e3e2d56f17cd75193e5ab7f">
  <xsd:schema xmlns:xsd="http://www.w3.org/2001/XMLSchema" xmlns:xs="http://www.w3.org/2001/XMLSchema" xmlns:p="http://schemas.microsoft.com/office/2006/metadata/properties" xmlns:ns2="995225c5-6bd0-423e-bdd8-fd19f4d5b209" xmlns:ns3="15c546a6-8e60-4985-a074-f7757a876df0" targetNamespace="http://schemas.microsoft.com/office/2006/metadata/properties" ma:root="true" ma:fieldsID="c2e15497c7c95c2d5a1eef5cf6ac115f" ns2:_="" ns3:_="">
    <xsd:import namespace="995225c5-6bd0-423e-bdd8-fd19f4d5b209"/>
    <xsd:import namespace="15c546a6-8e60-4985-a074-f7757a876df0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95225c5-6bd0-423e-bdd8-fd19f4d5b20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lcf76f155ced4ddcb4097134ff3c332f" ma:index="13" nillable="true" ma:taxonomy="true" ma:internalName="lcf76f155ced4ddcb4097134ff3c332f" ma:taxonomyFieldName="MediaServiceImageTags" ma:displayName="画像タグ" ma:readOnly="false" ma:fieldId="{5cf76f15-5ced-4ddc-b409-7134ff3c332f}" ma:taxonomyMulti="true" ma:sspId="97f3e83c-7c99-4654-beff-dfca415a29f2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8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5c546a6-8e60-4985-a074-f7757a876df0" elementFormDefault="qualified">
    <xsd:import namespace="http://schemas.microsoft.com/office/2006/documentManagement/types"/>
    <xsd:import namespace="http://schemas.microsoft.com/office/infopath/2007/PartnerControls"/>
    <xsd:element name="TaxCatchAll" ma:index="14" nillable="true" ma:displayName="Taxonomy Catch All Column" ma:hidden="true" ma:list="{67144280-2f9b-4e0a-88ca-15794c645de9}" ma:internalName="TaxCatchAll" ma:showField="CatchAllData" ma:web="15c546a6-8e60-4985-a074-f7757a876df0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300C4004-EFFC-4C7A-A6CC-FA1B9271CD8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91773044-3205-44F4-B1E1-68AADE42CAEC}">
  <ds:schemaRefs>
    <ds:schemaRef ds:uri="http://www.w3.org/XML/1998/namespace"/>
    <ds:schemaRef ds:uri="http://purl.org/dc/terms/"/>
    <ds:schemaRef ds:uri="http://schemas.microsoft.com/office/2006/metadata/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openxmlformats.org/package/2006/metadata/core-properties"/>
    <ds:schemaRef ds:uri="15c546a6-8e60-4985-a074-f7757a876df0"/>
    <ds:schemaRef ds:uri="995225c5-6bd0-423e-bdd8-fd19f4d5b209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8E3E541C-6463-43B4-BB43-8CD01D5D5D0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95225c5-6bd0-423e-bdd8-fd19f4d5b209"/>
    <ds:schemaRef ds:uri="15c546a6-8e60-4985-a074-f7757a876df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Metadata/LabelInfo.xml><?xml version="1.0" encoding="utf-8"?>
<clbl:labelList xmlns:clbl="http://schemas.microsoft.com/office/2020/mipLabelMetadata">
  <clbl:label id="{b980876e-81a5-49cb-9a7f-f098e4049984}" enabled="0" method="" siteId="{b980876e-81a5-49cb-9a7f-f098e4049984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4</vt:i4>
      </vt:variant>
      <vt:variant>
        <vt:lpstr>名前付き一覧</vt:lpstr>
      </vt:variant>
      <vt:variant>
        <vt:i4>1</vt:i4>
      </vt:variant>
    </vt:vector>
  </HeadingPairs>
  <TitlesOfParts>
    <vt:vector size="15" baseType="lpstr">
      <vt:lpstr>まとめ</vt:lpstr>
      <vt:lpstr>貼付例</vt:lpstr>
      <vt:lpstr>貼付１</vt:lpstr>
      <vt:lpstr>貼付２</vt:lpstr>
      <vt:lpstr>貼付３</vt:lpstr>
      <vt:lpstr>貼付４</vt:lpstr>
      <vt:lpstr>貼付５</vt:lpstr>
      <vt:lpstr>家計消費</vt:lpstr>
      <vt:lpstr>人口・居住・総生産</vt:lpstr>
      <vt:lpstr>事業所・施設数</vt:lpstr>
      <vt:lpstr>自由時間・生活時間</vt:lpstr>
      <vt:lpstr>気候</vt:lpstr>
      <vt:lpstr>人口・居住・総生産 (オリジナル)</vt:lpstr>
      <vt:lpstr>事業所・施設数 (オリジナル)</vt:lpstr>
      <vt:lpstr>まとめ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revision/>
  <cp:lastPrinted>2025-11-12T01:49:12Z</cp:lastPrinted>
  <dcterms:created xsi:type="dcterms:W3CDTF">2025-08-05T05:51:29Z</dcterms:created>
  <dcterms:modified xsi:type="dcterms:W3CDTF">2026-02-09T05:54:24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1D52CEF4A328943BDDA1D4D9D1C4E2D</vt:lpwstr>
  </property>
  <property fmtid="{D5CDD505-2E9C-101B-9397-08002B2CF9AE}" pid="3" name="MediaServiceImageTags">
    <vt:lpwstr/>
  </property>
</Properties>
</file>